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79 Antiinkektíva pre potreby VÚSCH\03. PT\"/>
    </mc:Choice>
  </mc:AlternateContent>
  <bookViews>
    <workbookView xWindow="0" yWindow="0" windowWidth="20730" windowHeight="11760" activeTab="5"/>
  </bookViews>
  <sheets>
    <sheet name="Kalkulácia_časť 1" sheetId="3" r:id="rId1"/>
    <sheet name="Kalkulácia_časť 2" sheetId="41" r:id="rId2"/>
    <sheet name="Kalkulácia_časť 3" sheetId="44" r:id="rId3"/>
    <sheet name="Kalkulácia_časť 4" sheetId="45" r:id="rId4"/>
    <sheet name="Kalkulácia_časť 5" sheetId="46" r:id="rId5"/>
    <sheet name="Kalkulácia_časť 6" sheetId="47" r:id="rId6"/>
    <sheet name="Kalkulácia_časť 7" sheetId="48" r:id="rId7"/>
    <sheet name="Kalkulácia_časť 8" sheetId="49" r:id="rId8"/>
    <sheet name="Kalkulácia_časť 9" sheetId="50" r:id="rId9"/>
    <sheet name="Kalkulácia_časť 10" sheetId="51" r:id="rId10"/>
    <sheet name="Kalkulácia_časť 11" sheetId="52" r:id="rId11"/>
    <sheet name="Kalkulácia_časť 12" sheetId="53" r:id="rId12"/>
    <sheet name="Kalkulácia_časť 13" sheetId="54" r:id="rId13"/>
    <sheet name="Kalkulácia_časť 14" sheetId="55" r:id="rId14"/>
    <sheet name="Kalkulácia_časť 15" sheetId="56" r:id="rId15"/>
    <sheet name="Kalkulácia_časť 16" sheetId="57" r:id="rId16"/>
    <sheet name="Kalkulácia_časť 17" sheetId="58" r:id="rId17"/>
    <sheet name="Kalkulácia_časť 18" sheetId="59" r:id="rId18"/>
    <sheet name="Kalkulácia_časť 19" sheetId="60" r:id="rId19"/>
    <sheet name="Kalkulácia_časť 20" sheetId="61" r:id="rId20"/>
    <sheet name="Kalkulácia_časť 21" sheetId="62" r:id="rId21"/>
    <sheet name="Kalkulácia_časť 22" sheetId="63" r:id="rId22"/>
    <sheet name="Kalkulácia_časť 23" sheetId="64" r:id="rId23"/>
    <sheet name="Kalkulácia_časť 24" sheetId="65" r:id="rId24"/>
  </sheets>
  <definedNames>
    <definedName name="_xlnm.Print_Area" localSheetId="0">'Kalkulácia_časť 1'!$A$1:$S$34</definedName>
    <definedName name="_xlnm.Print_Area" localSheetId="9">'Kalkulácia_časť 10'!$A$1:$S$34</definedName>
    <definedName name="_xlnm.Print_Area" localSheetId="10">'Kalkulácia_časť 11'!$A$1:$S$34</definedName>
    <definedName name="_xlnm.Print_Area" localSheetId="11">'Kalkulácia_časť 12'!$A$1:$S$34</definedName>
    <definedName name="_xlnm.Print_Area" localSheetId="12">'Kalkulácia_časť 13'!$A$1:$S$34</definedName>
    <definedName name="_xlnm.Print_Area" localSheetId="13">'Kalkulácia_časť 14'!$A$1:$S$34</definedName>
    <definedName name="_xlnm.Print_Area" localSheetId="14">'Kalkulácia_časť 15'!$A$1:$S$34</definedName>
    <definedName name="_xlnm.Print_Area" localSheetId="15">'Kalkulácia_časť 16'!$A$1:$S$34</definedName>
    <definedName name="_xlnm.Print_Area" localSheetId="16">'Kalkulácia_časť 17'!$A$1:$S$34</definedName>
    <definedName name="_xlnm.Print_Area" localSheetId="17">'Kalkulácia_časť 18'!$A$1:$S$34</definedName>
    <definedName name="_xlnm.Print_Area" localSheetId="18">'Kalkulácia_časť 19'!$A$1:$S$34</definedName>
    <definedName name="_xlnm.Print_Area" localSheetId="1">'Kalkulácia_časť 2'!$A$1:$S$34</definedName>
    <definedName name="_xlnm.Print_Area" localSheetId="19">'Kalkulácia_časť 20'!$A$1:$S$34</definedName>
    <definedName name="_xlnm.Print_Area" localSheetId="20">'Kalkulácia_časť 21'!$A$1:$S$34</definedName>
    <definedName name="_xlnm.Print_Area" localSheetId="21">'Kalkulácia_časť 22'!$A$1:$S$34</definedName>
    <definedName name="_xlnm.Print_Area" localSheetId="22">'Kalkulácia_časť 23'!$A$1:$S$34</definedName>
    <definedName name="_xlnm.Print_Area" localSheetId="23">'Kalkulácia_časť 24'!$A$1:$S$34</definedName>
    <definedName name="_xlnm.Print_Area" localSheetId="2">'Kalkulácia_časť 3'!$A$1:$S$34</definedName>
    <definedName name="_xlnm.Print_Area" localSheetId="3">'Kalkulácia_časť 4'!$A$1:$S$35</definedName>
    <definedName name="_xlnm.Print_Area" localSheetId="4">'Kalkulácia_časť 5'!$A$1:$S$34</definedName>
    <definedName name="_xlnm.Print_Area" localSheetId="5">'Kalkulácia_časť 6'!$A$1:$S$34</definedName>
    <definedName name="_xlnm.Print_Area" localSheetId="6">'Kalkulácia_časť 7'!$A$1:$S$34</definedName>
    <definedName name="_xlnm.Print_Area" localSheetId="7">'Kalkulácia_časť 8'!$A$1:$S$34</definedName>
    <definedName name="_xlnm.Print_Area" localSheetId="8">'Kalkulácia_časť 9'!$A$1:$S$3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65" l="1"/>
  <c r="L8" i="65"/>
  <c r="M8" i="64"/>
  <c r="L8" i="64"/>
  <c r="M8" i="63"/>
  <c r="L8" i="63"/>
  <c r="M8" i="62"/>
  <c r="L8" i="62"/>
  <c r="M8" i="61"/>
  <c r="L8" i="61"/>
  <c r="M8" i="60"/>
  <c r="L8" i="60"/>
  <c r="M8" i="59"/>
  <c r="L8" i="59"/>
  <c r="M8" i="58"/>
  <c r="M9" i="58" s="1"/>
  <c r="L8" i="58"/>
  <c r="M8" i="57"/>
  <c r="L8" i="57"/>
  <c r="M8" i="56"/>
  <c r="L8" i="56"/>
  <c r="M8" i="55"/>
  <c r="L8" i="55"/>
  <c r="M8" i="54"/>
  <c r="L8" i="54"/>
  <c r="M8" i="53"/>
  <c r="L8" i="53"/>
  <c r="M8" i="52"/>
  <c r="L8" i="52"/>
  <c r="M8" i="51"/>
  <c r="L8" i="51"/>
  <c r="M8" i="50"/>
  <c r="L8" i="50"/>
  <c r="M8" i="49"/>
  <c r="M9" i="49" s="1"/>
  <c r="L8" i="49"/>
  <c r="M8" i="48"/>
  <c r="L8" i="48"/>
  <c r="M8" i="47"/>
  <c r="M9" i="47" s="1"/>
  <c r="L8" i="47"/>
  <c r="M8" i="46"/>
  <c r="M9" i="46" s="1"/>
  <c r="L8" i="46"/>
  <c r="M8" i="45"/>
  <c r="M9" i="45" s="1"/>
  <c r="L8" i="45"/>
  <c r="M8" i="44"/>
  <c r="M9" i="44" s="1"/>
  <c r="L8" i="44"/>
  <c r="M8" i="41"/>
  <c r="L8" i="41"/>
  <c r="M8" i="3"/>
  <c r="M9" i="3" s="1"/>
  <c r="L8" i="3"/>
  <c r="N8" i="41" l="1"/>
  <c r="N9" i="41" s="1"/>
  <c r="M9" i="41"/>
  <c r="N8" i="48"/>
  <c r="N9" i="48" s="1"/>
  <c r="M9" i="48"/>
  <c r="N8" i="50"/>
  <c r="N9" i="50" s="1"/>
  <c r="M9" i="50"/>
  <c r="N8" i="51"/>
  <c r="N9" i="51" s="1"/>
  <c r="M9" i="51"/>
  <c r="N8" i="52"/>
  <c r="N9" i="52" s="1"/>
  <c r="M9" i="52"/>
  <c r="N8" i="53"/>
  <c r="N9" i="53" s="1"/>
  <c r="M9" i="53"/>
  <c r="N8" i="54"/>
  <c r="N9" i="54" s="1"/>
  <c r="M9" i="54"/>
  <c r="N8" i="55"/>
  <c r="N9" i="55" s="1"/>
  <c r="M9" i="55"/>
  <c r="N8" i="56"/>
  <c r="N9" i="56" s="1"/>
  <c r="M9" i="56"/>
  <c r="N8" i="57"/>
  <c r="N9" i="57" s="1"/>
  <c r="M9" i="57"/>
  <c r="N8" i="59"/>
  <c r="N9" i="59" s="1"/>
  <c r="M9" i="59"/>
  <c r="N8" i="60"/>
  <c r="N9" i="60" s="1"/>
  <c r="M9" i="60"/>
  <c r="N8" i="61"/>
  <c r="N9" i="61" s="1"/>
  <c r="M9" i="61"/>
  <c r="N8" i="62"/>
  <c r="N9" i="62" s="1"/>
  <c r="M9" i="62"/>
  <c r="N8" i="63"/>
  <c r="N9" i="63" s="1"/>
  <c r="M9" i="63"/>
  <c r="N8" i="64"/>
  <c r="N9" i="64" s="1"/>
  <c r="M9" i="64"/>
  <c r="N8" i="65"/>
  <c r="N9" i="65" s="1"/>
  <c r="M9" i="65"/>
  <c r="N8" i="58"/>
  <c r="N9" i="58" s="1"/>
  <c r="N8" i="49"/>
  <c r="N9" i="49" s="1"/>
  <c r="N8" i="47"/>
  <c r="N9" i="47" s="1"/>
  <c r="N8" i="46"/>
  <c r="N9" i="46" s="1"/>
  <c r="N8" i="45"/>
  <c r="N9" i="45" s="1"/>
  <c r="N8" i="44"/>
  <c r="N9" i="44" s="1"/>
  <c r="N8" i="3"/>
  <c r="N9" i="3" s="1"/>
</calcChain>
</file>

<file path=xl/sharedStrings.xml><?xml version="1.0" encoding="utf-8"?>
<sst xmlns="http://schemas.openxmlformats.org/spreadsheetml/2006/main" count="2713" uniqueCount="19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bez DPH</t>
  </si>
  <si>
    <t>s DPH</t>
  </si>
  <si>
    <t>Sadzba DPH
v %</t>
  </si>
  <si>
    <t>10.</t>
  </si>
  <si>
    <t>11.</t>
  </si>
  <si>
    <t>12.</t>
  </si>
  <si>
    <t>13.</t>
  </si>
  <si>
    <t>Výrobca ponúkaného produktu</t>
  </si>
  <si>
    <t>Jednotková cena za MJ v EUR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 Uchádzač je povinný produkt s najvyššou zmluvnou jednotkovou cenou bez DPH uvedený u príslušnej položky viditeľne označíť žltým podfarbením celého riadku.</t>
  </si>
  <si>
    <t>21.</t>
  </si>
  <si>
    <t xml:space="preserve">Predpokladané množstvo MJ na obdobie 36 mes. </t>
  </si>
  <si>
    <t>Názov ATC Skipiny</t>
  </si>
  <si>
    <t>ATC skupina</t>
  </si>
  <si>
    <t>Názov účinnej látky</t>
  </si>
  <si>
    <t>Merná jednotka (MJ)</t>
  </si>
  <si>
    <t>Množstvo účinnej látky v MJ</t>
  </si>
  <si>
    <t>Veľkosť MJ v MJ</t>
  </si>
  <si>
    <t>Sortiment ponúkaného tovaru</t>
  </si>
  <si>
    <t>Katalógové 
číslo</t>
  </si>
  <si>
    <t>ŠUKL
 kód</t>
  </si>
  <si>
    <t>ATC 
skupina
číslo</t>
  </si>
  <si>
    <t>Názov ponúkaného produktu</t>
  </si>
  <si>
    <t xml:space="preserve">Názov účinnej látky </t>
  </si>
  <si>
    <t>Lieková 
forma</t>
  </si>
  <si>
    <t>Cesta 
podania</t>
  </si>
  <si>
    <t>Množstvo 
účinnej látky 
v MJ</t>
  </si>
  <si>
    <r>
      <t xml:space="preserve">Merná jednotka  </t>
    </r>
    <r>
      <rPr>
        <sz val="9"/>
        <color indexed="8"/>
        <rFont val="Arial"/>
        <family val="2"/>
        <charset val="238"/>
      </rPr>
      <t>(MJ)</t>
    </r>
  </si>
  <si>
    <r>
      <t xml:space="preserve">Merná jednotka balenia </t>
    </r>
    <r>
      <rPr>
        <sz val="9"/>
        <color indexed="8"/>
        <rFont val="Arial"/>
        <family val="2"/>
        <charset val="238"/>
      </rPr>
      <t>(MJB)</t>
    </r>
  </si>
  <si>
    <r>
      <t xml:space="preserve">Počet MJ 
v MJB
</t>
    </r>
    <r>
      <rPr>
        <sz val="8"/>
        <color indexed="8"/>
        <rFont val="Arial"/>
        <family val="2"/>
        <charset val="238"/>
      </rPr>
      <t>(veľkosť balenia)</t>
    </r>
  </si>
  <si>
    <t>Jednotková cena za MJB v EUR</t>
  </si>
  <si>
    <t>Sadzba 
DPH 
v %</t>
  </si>
  <si>
    <t>14.</t>
  </si>
  <si>
    <t>15.</t>
  </si>
  <si>
    <t>17.</t>
  </si>
  <si>
    <t>18.</t>
  </si>
  <si>
    <t>19.</t>
  </si>
  <si>
    <t>liekovka</t>
  </si>
  <si>
    <t>_</t>
  </si>
  <si>
    <t>50 mg</t>
  </si>
  <si>
    <t>-</t>
  </si>
  <si>
    <t>200 mg</t>
  </si>
  <si>
    <t>500 mg</t>
  </si>
  <si>
    <t>kus</t>
  </si>
  <si>
    <t>prášok a rozpúšťadlo na injekčný/infúzny roztok</t>
  </si>
  <si>
    <t xml:space="preserve">8. </t>
  </si>
  <si>
    <t>infúzny roztok</t>
  </si>
  <si>
    <t>prášok na infúzny roztok</t>
  </si>
  <si>
    <t>prášok na injekčný roztok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Antiinfektíva pre potreby VÚSCH, a. s. </t>
    </r>
  </si>
  <si>
    <t>Amoxicilín a inhibítor betalaktamázy</t>
  </si>
  <si>
    <t>J01CR02</t>
  </si>
  <si>
    <t>Amoxicilín a kyselina klavulánová</t>
  </si>
  <si>
    <t>1 000 mg amoxicilínu a 200 mg 
kyseliny klavulánovej</t>
  </si>
  <si>
    <t>Časť č. 1 - Amoxicilín a inhibítor betalaktamázy</t>
  </si>
  <si>
    <t>Položka č. 1 -  Amoxicilín a inhibítor betalaktamázy</t>
  </si>
  <si>
    <r>
      <t>Názov predmetu zákazky: Antiinfektíva</t>
    </r>
    <r>
      <rPr>
        <b/>
        <sz val="9"/>
        <color theme="1"/>
        <rFont val="Arial"/>
        <family val="2"/>
        <charset val="238"/>
      </rPr>
      <t xml:space="preserve"> pre potreby VÚSCH, a.s. </t>
    </r>
  </si>
  <si>
    <t>Časť č. 2 - Sultamicilín</t>
  </si>
  <si>
    <t>Položka č. 1 - Sultamicilín</t>
  </si>
  <si>
    <t>Sultamicilín</t>
  </si>
  <si>
    <t>J01CR04</t>
  </si>
  <si>
    <t>ampicilín a sulbaktám</t>
  </si>
  <si>
    <t>1 g ampicilínu a 0,5 g sulbaktámu</t>
  </si>
  <si>
    <t>prášok na injekčný/infúzny roztok</t>
  </si>
  <si>
    <t>Časť č. 3 - Kaspofungín</t>
  </si>
  <si>
    <t>Položka č. 1 - Kaspofungín</t>
  </si>
  <si>
    <t>Kaspofungín</t>
  </si>
  <si>
    <t>J02AX04</t>
  </si>
  <si>
    <t>70 mg</t>
  </si>
  <si>
    <t>prášok na infúzny koncentrát</t>
  </si>
  <si>
    <t>Časť č. 4 - Cefizoxím</t>
  </si>
  <si>
    <t>Položka č. 1 - Cefizoxím</t>
  </si>
  <si>
    <t>Cefizoxím</t>
  </si>
  <si>
    <t>J01DD07</t>
  </si>
  <si>
    <t>1 000 mg</t>
  </si>
  <si>
    <t>Časť č. 5 - Cefotaxím</t>
  </si>
  <si>
    <t>Položka č. 1 - Cefotaxím</t>
  </si>
  <si>
    <t>Cefotaxím</t>
  </si>
  <si>
    <t>J01DD01</t>
  </si>
  <si>
    <t>2 000 mg</t>
  </si>
  <si>
    <t>prášok na injekčný / infúzny roztok</t>
  </si>
  <si>
    <t>Časť č. 6 - Ciprofloxacín</t>
  </si>
  <si>
    <t>Položka č. 1 - Ciprofloxacín</t>
  </si>
  <si>
    <t>Ciprofloxacín</t>
  </si>
  <si>
    <t>J01MA02</t>
  </si>
  <si>
    <t>400 mg</t>
  </si>
  <si>
    <t xml:space="preserve"> infúzny roztok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Antiinfektíva pre potreby VÚSCH, a.s. </t>
    </r>
  </si>
  <si>
    <t>Časť č. 7 - Klindamycín</t>
  </si>
  <si>
    <t>Klindamycín</t>
  </si>
  <si>
    <t xml:space="preserve">Položka č. 1 - Klindamycín </t>
  </si>
  <si>
    <t>amp</t>
  </si>
  <si>
    <t>600 mg</t>
  </si>
  <si>
    <t>injekčný roztok/infúzny roztok</t>
  </si>
  <si>
    <t>Časť č. 8 - Fidaxomicín</t>
  </si>
  <si>
    <t>Položka č. 1 - Fidaxomicín</t>
  </si>
  <si>
    <t>Fidaxomicín</t>
  </si>
  <si>
    <t>A07AA12</t>
  </si>
  <si>
    <t>tbl flm</t>
  </si>
  <si>
    <t>filmom obalená tableta</t>
  </si>
  <si>
    <t>Časť č. 9 - Flukloxacilín</t>
  </si>
  <si>
    <t>Flukloxacilín</t>
  </si>
  <si>
    <t>Položka č. 1 - Flukloxacilín</t>
  </si>
  <si>
    <t>J01CF05</t>
  </si>
  <si>
    <t>2 g</t>
  </si>
  <si>
    <t>Časť č. 10 - Flukonazol</t>
  </si>
  <si>
    <t>Položka č. 1 - Flukonazol</t>
  </si>
  <si>
    <t>Flukonazol</t>
  </si>
  <si>
    <t>J02AC01</t>
  </si>
  <si>
    <t>Časť č. 11 - Fosfomycín</t>
  </si>
  <si>
    <t>Fosfomycín</t>
  </si>
  <si>
    <t>Položka č. 1 - Fosfomycín</t>
  </si>
  <si>
    <t>J01XX01</t>
  </si>
  <si>
    <t>4 g</t>
  </si>
  <si>
    <t>Časť č. 12 - Normálne ľudské imunoglobulíny na intravenózne použitie</t>
  </si>
  <si>
    <t>Normálne ľudské imunoglobulíny na intravenózne použitie</t>
  </si>
  <si>
    <t>Položka č. 1 - Normálne ľudské imunoglobulíny na intravenózne použitie</t>
  </si>
  <si>
    <t>J06BA02</t>
  </si>
  <si>
    <t>10 g</t>
  </si>
  <si>
    <t>Časť č. 13 - Gentamicín</t>
  </si>
  <si>
    <t>Gentamicín</t>
  </si>
  <si>
    <t>J01GB03</t>
  </si>
  <si>
    <t xml:space="preserve">130 mg gentamicínu a 280 mg kolagénu </t>
  </si>
  <si>
    <t>implantát</t>
  </si>
  <si>
    <t>Položka č. 1 - Gentamicín</t>
  </si>
  <si>
    <t>Časť č. 14 - Meropeném</t>
  </si>
  <si>
    <t>Meropeném</t>
  </si>
  <si>
    <t>J01DH02</t>
  </si>
  <si>
    <t>prášok na injekčný/ infúzny roztok</t>
  </si>
  <si>
    <t>Položka č. 1 - Meropeném</t>
  </si>
  <si>
    <t>Časť č. 15  - Meropeném</t>
  </si>
  <si>
    <t>Časť č. 16 - Piperacilín a inhibítor betalaktamázy</t>
  </si>
  <si>
    <t>Položka č. 1 - Piperacilín a inhibítor betalaktamázy</t>
  </si>
  <si>
    <t>Piperacilín a inhibítor betalaktamázy</t>
  </si>
  <si>
    <t>Piperacilín a tazobaktám</t>
  </si>
  <si>
    <t>J01CR05</t>
  </si>
  <si>
    <t xml:space="preserve">4 g piperacilínu a 0,5 g tazobaktámu </t>
  </si>
  <si>
    <t>Časť č. 17 - Cefoperazón, kombinácie</t>
  </si>
  <si>
    <t>Položka č. 1 - Cefoperazón, kombinácie</t>
  </si>
  <si>
    <t>Cefoperazón, kombinácie</t>
  </si>
  <si>
    <t xml:space="preserve">cefoperazón a sulbaktám </t>
  </si>
  <si>
    <t>J01DD62</t>
  </si>
  <si>
    <t xml:space="preserve">1 g cefoperazónu a 1 g sulbaktámu </t>
  </si>
  <si>
    <t>Časť č. 18 - Tigecyklín</t>
  </si>
  <si>
    <t>Položka č. 1 - Tigecyklín</t>
  </si>
  <si>
    <t>Tigecyklín</t>
  </si>
  <si>
    <t>J01AA12</t>
  </si>
  <si>
    <t>Časť č. 19 - Vankomycín</t>
  </si>
  <si>
    <t>Vankomycín</t>
  </si>
  <si>
    <t>Položka č. 1 -  Vankomycín</t>
  </si>
  <si>
    <t>J01XA01</t>
  </si>
  <si>
    <t>Časť č. 20 - Vankomycín</t>
  </si>
  <si>
    <t>Položka č. 1 - Vankomycín</t>
  </si>
  <si>
    <t>Časť č. 21 - Vorikonazol</t>
  </si>
  <si>
    <t>Položka č. 1 - Vorikonazol</t>
  </si>
  <si>
    <t>Vorikonazol</t>
  </si>
  <si>
    <t>J02AC03</t>
  </si>
  <si>
    <t>Časť č. 22 - Vorikonazol</t>
  </si>
  <si>
    <t>Časť č. 23 - Ceftazidím, kombinácie</t>
  </si>
  <si>
    <t>Položka č. 1 - Ceftazidím, kombinácie</t>
  </si>
  <si>
    <t>ceftazidím a avibaktám</t>
  </si>
  <si>
    <t>J01DD52</t>
  </si>
  <si>
    <t>2 g ceftazidímu a 0,5 g avibaktámu</t>
  </si>
  <si>
    <t xml:space="preserve">Prášok na prípravu infúzneho koncentrátu </t>
  </si>
  <si>
    <t>Časť č. 24 - Cefazolín</t>
  </si>
  <si>
    <t>Cefazolín</t>
  </si>
  <si>
    <t>J01DB04</t>
  </si>
  <si>
    <t>Položka č. 1 - Cefazolín</t>
  </si>
  <si>
    <t>J01FF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8">
    <numFmt numFmtId="164" formatCode="#,##0.00\ &quot;€&quot;"/>
    <numFmt numFmtId="165" formatCode="#,##0.0000\ &quot;€&quot;"/>
    <numFmt numFmtId="166" formatCode="#,##0.0000\ &quot;EUR&quot;"/>
    <numFmt numFmtId="167" formatCode="#,##0.000_ ;\-#,##0.000\ "/>
    <numFmt numFmtId="168" formatCode="#,##0.000"/>
    <numFmt numFmtId="169" formatCode="#,##0.0000_ ;\-#,##0.0000\ "/>
    <numFmt numFmtId="170" formatCode="_-* #,##0.0000\ _€_-;\-* #,##0.0000\ _€_-;_-* &quot;-&quot;????\ _€_-;_-@_-"/>
    <numFmt numFmtId="171" formatCode="0.0000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sz val="8"/>
      <color indexed="8"/>
      <name val="Arial"/>
      <family val="2"/>
      <charset val="238"/>
    </font>
    <font>
      <sz val="8"/>
      <color theme="1"/>
      <name val="Arial"/>
      <family val="2"/>
      <charset val="238"/>
    </font>
    <font>
      <sz val="8"/>
      <color theme="1"/>
      <name val="Times New Roman"/>
      <family val="1"/>
      <charset val="238"/>
    </font>
    <font>
      <sz val="8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8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C3300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rgb="FFCC3300"/>
      </bottom>
      <diagonal/>
    </border>
    <border>
      <left style="medium">
        <color auto="1"/>
      </left>
      <right style="thin">
        <color rgb="FFFF0000"/>
      </right>
      <top style="thin">
        <color rgb="FFCC33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medium">
        <color indexed="64"/>
      </left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rgb="FFCC3300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25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0" xfId="0" applyFont="1" applyFill="1" applyBorder="1" applyAlignment="1" applyProtection="1">
      <alignment horizontal="center" vertical="center" wrapText="1"/>
      <protection locked="0"/>
    </xf>
    <xf numFmtId="0" fontId="2" fillId="5" borderId="11" xfId="0" applyFont="1" applyFill="1" applyBorder="1" applyAlignment="1" applyProtection="1">
      <alignment horizontal="center" vertical="center" wrapText="1"/>
      <protection locked="0"/>
    </xf>
    <xf numFmtId="0" fontId="2" fillId="5" borderId="12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28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protection locked="0"/>
    </xf>
    <xf numFmtId="164" fontId="3" fillId="0" borderId="37" xfId="0" applyNumberFormat="1" applyFont="1" applyBorder="1" applyAlignment="1">
      <alignment horizontal="center" vertical="top" wrapText="1"/>
    </xf>
    <xf numFmtId="1" fontId="3" fillId="0" borderId="38" xfId="0" applyNumberFormat="1" applyFont="1" applyBorder="1" applyAlignment="1">
      <alignment horizontal="center" vertical="top" wrapText="1"/>
    </xf>
    <xf numFmtId="164" fontId="3" fillId="0" borderId="39" xfId="0" applyNumberFormat="1" applyFont="1" applyBorder="1" applyAlignment="1">
      <alignment horizontal="center" vertical="top" wrapText="1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0" fontId="2" fillId="2" borderId="41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2" borderId="45" xfId="0" applyFont="1" applyFill="1" applyBorder="1" applyAlignment="1" applyProtection="1">
      <alignment horizontal="center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0" fontId="2" fillId="2" borderId="47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5" fillId="0" borderId="0" xfId="2" applyFont="1" applyAlignment="1">
      <alignment vertical="center"/>
    </xf>
    <xf numFmtId="0" fontId="2" fillId="0" borderId="14" xfId="0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vertical="center" wrapText="1"/>
    </xf>
    <xf numFmtId="49" fontId="2" fillId="0" borderId="14" xfId="0" applyNumberFormat="1" applyFont="1" applyFill="1" applyBorder="1" applyAlignment="1">
      <alignment horizontal="center" vertical="center" wrapText="1"/>
    </xf>
    <xf numFmtId="49" fontId="2" fillId="0" borderId="53" xfId="0" applyNumberFormat="1" applyFont="1" applyFill="1" applyBorder="1" applyAlignment="1">
      <alignment horizontal="center" vertical="center" wrapText="1"/>
    </xf>
    <xf numFmtId="3" fontId="2" fillId="0" borderId="54" xfId="0" applyNumberFormat="1" applyFont="1" applyBorder="1" applyAlignment="1">
      <alignment horizontal="center" vertical="center" wrapText="1"/>
    </xf>
    <xf numFmtId="9" fontId="2" fillId="0" borderId="55" xfId="0" applyNumberFormat="1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vertical="center" wrapText="1"/>
    </xf>
    <xf numFmtId="49" fontId="5" fillId="0" borderId="13" xfId="0" applyNumberFormat="1" applyFont="1" applyFill="1" applyBorder="1" applyAlignment="1">
      <alignment horizontal="center" vertical="center" wrapText="1"/>
    </xf>
    <xf numFmtId="49" fontId="5" fillId="0" borderId="56" xfId="0" applyNumberFormat="1" applyFont="1" applyFill="1" applyBorder="1" applyAlignment="1">
      <alignment horizontal="center" vertical="center" wrapText="1"/>
    </xf>
    <xf numFmtId="3" fontId="5" fillId="0" borderId="57" xfId="0" applyNumberFormat="1" applyFont="1" applyBorder="1" applyAlignment="1">
      <alignment horizontal="center" vertical="center" wrapText="1"/>
    </xf>
    <xf numFmtId="49" fontId="5" fillId="0" borderId="15" xfId="0" applyNumberFormat="1" applyFont="1" applyFill="1" applyBorder="1" applyAlignment="1">
      <alignment horizontal="center" vertical="center" wrapText="1"/>
    </xf>
    <xf numFmtId="49" fontId="5" fillId="0" borderId="58" xfId="0" applyNumberFormat="1" applyFont="1" applyFill="1" applyBorder="1" applyAlignment="1">
      <alignment horizontal="center" vertical="center" wrapText="1"/>
    </xf>
    <xf numFmtId="3" fontId="5" fillId="0" borderId="31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vertical="center" wrapText="1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2" fillId="2" borderId="61" xfId="0" applyFont="1" applyFill="1" applyBorder="1" applyAlignment="1" applyProtection="1">
      <alignment horizontal="center" vertical="center" wrapText="1"/>
      <protection locked="0"/>
    </xf>
    <xf numFmtId="0" fontId="2" fillId="2" borderId="63" xfId="0" applyFont="1" applyFill="1" applyBorder="1" applyAlignment="1" applyProtection="1">
      <alignment horizontal="center" vertical="center" wrapText="1"/>
      <protection locked="0"/>
    </xf>
    <xf numFmtId="0" fontId="2" fillId="2" borderId="64" xfId="0" applyFont="1" applyFill="1" applyBorder="1" applyAlignment="1" applyProtection="1">
      <alignment horizontal="center" vertical="center" wrapText="1"/>
      <protection locked="0"/>
    </xf>
    <xf numFmtId="0" fontId="5" fillId="0" borderId="13" xfId="0" applyNumberFormat="1" applyFont="1" applyFill="1" applyBorder="1" applyAlignment="1">
      <alignment horizontal="center" vertical="center" wrapText="1"/>
    </xf>
    <xf numFmtId="0" fontId="5" fillId="0" borderId="15" xfId="0" applyNumberFormat="1" applyFont="1" applyFill="1" applyBorder="1" applyAlignment="1">
      <alignment horizontal="center" vertical="center" wrapText="1"/>
    </xf>
    <xf numFmtId="0" fontId="2" fillId="0" borderId="65" xfId="0" applyFont="1" applyBorder="1" applyAlignment="1" applyProtection="1">
      <alignment horizontal="center" vertical="center" wrapText="1"/>
      <protection locked="0"/>
    </xf>
    <xf numFmtId="0" fontId="5" fillId="0" borderId="66" xfId="1" applyFont="1" applyBorder="1" applyAlignment="1">
      <alignment horizontal="left" vertical="center" wrapText="1"/>
    </xf>
    <xf numFmtId="0" fontId="2" fillId="0" borderId="67" xfId="0" applyFont="1" applyBorder="1" applyAlignment="1">
      <alignment horizontal="center" vertical="center" wrapText="1"/>
    </xf>
    <xf numFmtId="3" fontId="5" fillId="0" borderId="66" xfId="0" applyNumberFormat="1" applyFont="1" applyFill="1" applyBorder="1" applyAlignment="1">
      <alignment horizontal="center" vertical="center" wrapText="1"/>
    </xf>
    <xf numFmtId="0" fontId="2" fillId="0" borderId="66" xfId="0" applyFont="1" applyBorder="1" applyAlignment="1" applyProtection="1">
      <alignment horizontal="left" vertical="center" wrapText="1"/>
      <protection locked="0"/>
    </xf>
    <xf numFmtId="0" fontId="2" fillId="0" borderId="66" xfId="0" applyFont="1" applyBorder="1" applyAlignment="1" applyProtection="1">
      <alignment horizontal="center" vertical="center" wrapText="1"/>
      <protection locked="0"/>
    </xf>
    <xf numFmtId="9" fontId="2" fillId="0" borderId="70" xfId="0" applyNumberFormat="1" applyFont="1" applyBorder="1" applyAlignment="1" applyProtection="1">
      <alignment horizontal="center" vertical="center" wrapText="1"/>
      <protection locked="0"/>
    </xf>
    <xf numFmtId="167" fontId="2" fillId="0" borderId="71" xfId="0" applyNumberFormat="1" applyFont="1" applyBorder="1" applyAlignment="1">
      <alignment vertical="center"/>
    </xf>
    <xf numFmtId="167" fontId="2" fillId="0" borderId="72" xfId="0" applyNumberFormat="1" applyFont="1" applyFill="1" applyBorder="1" applyAlignment="1" applyProtection="1">
      <alignment horizontal="right" vertical="center" wrapText="1"/>
      <protection locked="0"/>
    </xf>
    <xf numFmtId="167" fontId="5" fillId="0" borderId="73" xfId="0" applyNumberFormat="1" applyFont="1" applyFill="1" applyBorder="1" applyAlignment="1">
      <alignment vertical="center"/>
    </xf>
    <xf numFmtId="0" fontId="14" fillId="2" borderId="60" xfId="0" applyFont="1" applyFill="1" applyBorder="1" applyAlignment="1" applyProtection="1">
      <alignment horizontal="center" vertical="center" wrapText="1"/>
      <protection locked="0"/>
    </xf>
    <xf numFmtId="0" fontId="14" fillId="2" borderId="59" xfId="0" applyFont="1" applyFill="1" applyBorder="1" applyAlignment="1" applyProtection="1">
      <alignment horizontal="center" vertical="center" wrapText="1"/>
      <protection locked="0"/>
    </xf>
    <xf numFmtId="0" fontId="14" fillId="2" borderId="3" xfId="0" applyFont="1" applyFill="1" applyBorder="1" applyAlignment="1" applyProtection="1">
      <alignment horizontal="center" vertical="center" wrapText="1"/>
      <protection locked="0"/>
    </xf>
    <xf numFmtId="0" fontId="14" fillId="2" borderId="18" xfId="0" applyFont="1" applyFill="1" applyBorder="1" applyAlignment="1" applyProtection="1">
      <alignment horizontal="center" vertical="center" wrapText="1"/>
      <protection locked="0"/>
    </xf>
    <xf numFmtId="0" fontId="14" fillId="2" borderId="20" xfId="0" applyFont="1" applyFill="1" applyBorder="1" applyAlignment="1" applyProtection="1">
      <alignment horizontal="center" vertical="center" wrapText="1"/>
      <protection locked="0"/>
    </xf>
    <xf numFmtId="0" fontId="14" fillId="2" borderId="19" xfId="0" applyFont="1" applyFill="1" applyBorder="1" applyAlignment="1" applyProtection="1">
      <alignment horizontal="center" vertical="center" wrapText="1"/>
      <protection locked="0"/>
    </xf>
    <xf numFmtId="0" fontId="14" fillId="2" borderId="17" xfId="0" applyFont="1" applyFill="1" applyBorder="1" applyAlignment="1" applyProtection="1">
      <alignment horizontal="center" vertical="center" wrapText="1"/>
      <protection locked="0"/>
    </xf>
    <xf numFmtId="0" fontId="14" fillId="2" borderId="29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4" fillId="0" borderId="0" xfId="0" applyFont="1" applyBorder="1" applyAlignment="1" applyProtection="1">
      <alignment horizontal="center" vertical="center" wrapText="1"/>
      <protection locked="0"/>
    </xf>
    <xf numFmtId="0" fontId="14" fillId="2" borderId="74" xfId="0" applyFont="1" applyFill="1" applyBorder="1" applyAlignment="1" applyProtection="1">
      <alignment horizontal="center" vertical="center" wrapText="1"/>
      <protection locked="0"/>
    </xf>
    <xf numFmtId="0" fontId="14" fillId="2" borderId="40" xfId="0" applyFont="1" applyFill="1" applyBorder="1" applyAlignment="1" applyProtection="1">
      <alignment horizontal="center" vertical="center" wrapText="1"/>
      <protection locked="0"/>
    </xf>
    <xf numFmtId="0" fontId="14" fillId="2" borderId="41" xfId="0" applyFont="1" applyFill="1" applyBorder="1" applyAlignment="1" applyProtection="1">
      <alignment horizontal="center" vertical="center" wrapText="1"/>
      <protection locked="0"/>
    </xf>
    <xf numFmtId="0" fontId="14" fillId="2" borderId="42" xfId="0" applyFont="1" applyFill="1" applyBorder="1" applyAlignment="1" applyProtection="1">
      <alignment horizontal="center" vertical="center" wrapText="1"/>
      <protection locked="0"/>
    </xf>
    <xf numFmtId="0" fontId="14" fillId="2" borderId="43" xfId="0" applyFont="1" applyFill="1" applyBorder="1" applyAlignment="1" applyProtection="1">
      <alignment horizontal="center" vertical="center" wrapText="1"/>
      <protection locked="0"/>
    </xf>
    <xf numFmtId="0" fontId="14" fillId="2" borderId="44" xfId="0" applyFont="1" applyFill="1" applyBorder="1" applyAlignment="1" applyProtection="1">
      <alignment horizontal="center" vertical="center" wrapText="1"/>
      <protection locked="0"/>
    </xf>
    <xf numFmtId="0" fontId="14" fillId="2" borderId="45" xfId="0" applyFont="1" applyFill="1" applyBorder="1" applyAlignment="1" applyProtection="1">
      <alignment horizontal="center" vertical="center" wrapText="1"/>
      <protection locked="0"/>
    </xf>
    <xf numFmtId="0" fontId="14" fillId="2" borderId="46" xfId="0" applyFont="1" applyFill="1" applyBorder="1" applyAlignment="1" applyProtection="1">
      <alignment horizontal="center" vertical="center" wrapText="1"/>
      <protection locked="0"/>
    </xf>
    <xf numFmtId="0" fontId="14" fillId="2" borderId="47" xfId="0" applyFont="1" applyFill="1" applyBorder="1" applyAlignment="1" applyProtection="1">
      <alignment horizontal="center" vertical="center" wrapText="1"/>
      <protection locked="0"/>
    </xf>
    <xf numFmtId="0" fontId="14" fillId="2" borderId="48" xfId="0" applyFont="1" applyFill="1" applyBorder="1" applyAlignment="1" applyProtection="1">
      <alignment horizontal="center" vertical="center" wrapText="1"/>
      <protection locked="0"/>
    </xf>
    <xf numFmtId="0" fontId="14" fillId="2" borderId="49" xfId="0" applyFont="1" applyFill="1" applyBorder="1" applyAlignment="1" applyProtection="1">
      <alignment horizontal="center" vertical="center" wrapText="1"/>
      <protection locked="0"/>
    </xf>
    <xf numFmtId="0" fontId="14" fillId="2" borderId="50" xfId="0" applyFont="1" applyFill="1" applyBorder="1" applyAlignment="1" applyProtection="1">
      <alignment horizontal="center" vertical="center" wrapText="1"/>
      <protection locked="0"/>
    </xf>
    <xf numFmtId="0" fontId="14" fillId="2" borderId="51" xfId="0" applyFont="1" applyFill="1" applyBorder="1" applyAlignment="1" applyProtection="1">
      <alignment horizontal="center" vertical="center" wrapText="1"/>
      <protection locked="0"/>
    </xf>
    <xf numFmtId="0" fontId="14" fillId="2" borderId="52" xfId="0" applyFont="1" applyFill="1" applyBorder="1" applyAlignment="1" applyProtection="1">
      <alignment horizontal="center" vertical="center" wrapText="1"/>
      <protection locked="0"/>
    </xf>
    <xf numFmtId="0" fontId="16" fillId="0" borderId="6" xfId="2" applyFont="1" applyBorder="1" applyAlignment="1">
      <alignment vertical="center"/>
    </xf>
    <xf numFmtId="0" fontId="16" fillId="0" borderId="0" xfId="2" applyFont="1" applyAlignment="1">
      <alignment vertical="center"/>
    </xf>
    <xf numFmtId="0" fontId="11" fillId="0" borderId="0" xfId="0" applyFont="1" applyAlignment="1" applyProtection="1">
      <alignment horizontal="center"/>
      <protection locked="0"/>
    </xf>
    <xf numFmtId="0" fontId="5" fillId="0" borderId="75" xfId="1" applyFont="1" applyBorder="1" applyAlignment="1">
      <alignment horizontal="left" vertical="center" wrapText="1"/>
    </xf>
    <xf numFmtId="3" fontId="2" fillId="0" borderId="68" xfId="0" applyNumberFormat="1" applyFont="1" applyBorder="1" applyAlignment="1" applyProtection="1">
      <alignment horizontal="center" vertical="center" wrapText="1"/>
      <protection locked="0"/>
    </xf>
    <xf numFmtId="0" fontId="2" fillId="0" borderId="77" xfId="0" applyFont="1" applyBorder="1" applyAlignment="1" applyProtection="1">
      <alignment horizontal="center" vertical="center" wrapText="1"/>
      <protection locked="0"/>
    </xf>
    <xf numFmtId="1" fontId="5" fillId="0" borderId="75" xfId="0" applyNumberFormat="1" applyFont="1" applyFill="1" applyBorder="1" applyAlignment="1">
      <alignment horizontal="left" vertical="center" wrapText="1"/>
    </xf>
    <xf numFmtId="0" fontId="5" fillId="0" borderId="78" xfId="0" applyFont="1" applyFill="1" applyBorder="1" applyAlignment="1">
      <alignment horizontal="left" vertical="center" wrapText="1"/>
    </xf>
    <xf numFmtId="0" fontId="5" fillId="0" borderId="75" xfId="0" applyFont="1" applyFill="1" applyBorder="1" applyAlignment="1">
      <alignment horizontal="left" vertical="center" wrapText="1"/>
    </xf>
    <xf numFmtId="0" fontId="2" fillId="0" borderId="80" xfId="0" applyFont="1" applyBorder="1" applyAlignment="1" applyProtection="1">
      <alignment horizontal="center" vertical="center" wrapText="1"/>
      <protection locked="0"/>
    </xf>
    <xf numFmtId="0" fontId="5" fillId="0" borderId="81" xfId="0" applyFont="1" applyFill="1" applyBorder="1" applyAlignment="1">
      <alignment horizontal="left" vertical="center" wrapText="1"/>
    </xf>
    <xf numFmtId="0" fontId="5" fillId="0" borderId="68" xfId="0" applyFont="1" applyFill="1" applyBorder="1" applyAlignment="1">
      <alignment horizontal="left" vertical="center" wrapText="1"/>
    </xf>
    <xf numFmtId="0" fontId="3" fillId="4" borderId="0" xfId="0" applyFont="1" applyFill="1" applyAlignment="1">
      <alignment vertical="center" wrapText="1"/>
    </xf>
    <xf numFmtId="0" fontId="9" fillId="0" borderId="75" xfId="0" applyFont="1" applyBorder="1" applyAlignment="1">
      <alignment horizontal="left" vertical="center" wrapText="1"/>
    </xf>
    <xf numFmtId="0" fontId="5" fillId="0" borderId="75" xfId="0" applyFont="1" applyFill="1" applyBorder="1" applyAlignment="1">
      <alignment horizontal="center" vertical="center" wrapText="1"/>
    </xf>
    <xf numFmtId="1" fontId="5" fillId="0" borderId="81" xfId="0" applyNumberFormat="1" applyFont="1" applyFill="1" applyBorder="1" applyAlignment="1">
      <alignment horizontal="left" vertical="center" wrapText="1"/>
    </xf>
    <xf numFmtId="0" fontId="5" fillId="0" borderId="66" xfId="0" applyFont="1" applyFill="1" applyBorder="1" applyAlignment="1">
      <alignment horizontal="left" vertical="center" wrapText="1"/>
    </xf>
    <xf numFmtId="0" fontId="5" fillId="0" borderId="82" xfId="0" applyFont="1" applyFill="1" applyBorder="1" applyAlignment="1">
      <alignment horizontal="left" vertical="center" wrapText="1"/>
    </xf>
    <xf numFmtId="0" fontId="5" fillId="0" borderId="66" xfId="0" applyFont="1" applyFill="1" applyBorder="1" applyAlignment="1">
      <alignment horizontal="center" vertical="center" wrapText="1"/>
    </xf>
    <xf numFmtId="0" fontId="8" fillId="0" borderId="0" xfId="0" applyFont="1" applyBorder="1" applyAlignment="1" applyProtection="1">
      <alignment vertical="top" wrapText="1"/>
      <protection locked="0"/>
    </xf>
    <xf numFmtId="0" fontId="15" fillId="0" borderId="0" xfId="0" applyFont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center" vertical="center" wrapText="1"/>
      <protection locked="0"/>
    </xf>
    <xf numFmtId="0" fontId="9" fillId="0" borderId="75" xfId="0" applyFont="1" applyFill="1" applyBorder="1" applyAlignment="1">
      <alignment horizontal="left" vertical="center" wrapText="1"/>
    </xf>
    <xf numFmtId="0" fontId="8" fillId="4" borderId="0" xfId="0" applyFont="1" applyFill="1" applyBorder="1" applyAlignment="1" applyProtection="1">
      <alignment vertical="top" wrapText="1"/>
      <protection locked="0"/>
    </xf>
    <xf numFmtId="0" fontId="8" fillId="4" borderId="0" xfId="0" applyFont="1" applyFill="1" applyBorder="1" applyAlignment="1" applyProtection="1">
      <alignment horizontal="center" vertical="center" wrapText="1"/>
      <protection locked="0"/>
    </xf>
    <xf numFmtId="0" fontId="9" fillId="0" borderId="68" xfId="0" applyFont="1" applyFill="1" applyBorder="1" applyAlignment="1">
      <alignment horizontal="left" vertical="center" wrapText="1"/>
    </xf>
    <xf numFmtId="0" fontId="9" fillId="0" borderId="83" xfId="0" applyFont="1" applyFill="1" applyBorder="1" applyAlignment="1">
      <alignment horizontal="left" vertical="center" wrapText="1"/>
    </xf>
    <xf numFmtId="0" fontId="5" fillId="0" borderId="68" xfId="0" applyFont="1" applyFill="1" applyBorder="1" applyAlignment="1">
      <alignment horizontal="center" vertical="center" wrapText="1"/>
    </xf>
    <xf numFmtId="0" fontId="5" fillId="0" borderId="68" xfId="1" applyFont="1" applyBorder="1" applyAlignment="1">
      <alignment horizontal="left" vertical="center" wrapText="1"/>
    </xf>
    <xf numFmtId="168" fontId="2" fillId="4" borderId="85" xfId="0" applyNumberFormat="1" applyFont="1" applyFill="1" applyBorder="1" applyAlignment="1" applyProtection="1">
      <alignment horizontal="right" vertical="center"/>
      <protection locked="0"/>
    </xf>
    <xf numFmtId="168" fontId="3" fillId="4" borderId="86" xfId="0" applyNumberFormat="1" applyFont="1" applyFill="1" applyBorder="1" applyAlignment="1" applyProtection="1">
      <alignment horizontal="right" vertical="center"/>
      <protection locked="0"/>
    </xf>
    <xf numFmtId="0" fontId="2" fillId="4" borderId="66" xfId="0" applyFont="1" applyFill="1" applyBorder="1" applyAlignment="1" applyProtection="1">
      <alignment horizontal="center" vertical="center" wrapText="1"/>
      <protection locked="0"/>
    </xf>
    <xf numFmtId="0" fontId="9" fillId="0" borderId="68" xfId="0" applyFont="1" applyBorder="1" applyAlignment="1">
      <alignment horizontal="center" vertical="center" wrapText="1"/>
    </xf>
    <xf numFmtId="0" fontId="14" fillId="2" borderId="87" xfId="0" applyFont="1" applyFill="1" applyBorder="1" applyAlignment="1" applyProtection="1">
      <alignment horizontal="center" vertical="center" wrapText="1"/>
      <protection locked="0"/>
    </xf>
    <xf numFmtId="169" fontId="2" fillId="0" borderId="71" xfId="0" applyNumberFormat="1" applyFont="1" applyBorder="1" applyAlignment="1">
      <alignment vertical="center"/>
    </xf>
    <xf numFmtId="169" fontId="2" fillId="0" borderId="72" xfId="0" applyNumberFormat="1" applyFont="1" applyFill="1" applyBorder="1" applyAlignment="1" applyProtection="1">
      <alignment horizontal="right" vertical="center" wrapText="1"/>
      <protection locked="0"/>
    </xf>
    <xf numFmtId="169" fontId="5" fillId="0" borderId="73" xfId="0" applyNumberFormat="1" applyFont="1" applyFill="1" applyBorder="1" applyAlignment="1">
      <alignment vertical="center"/>
    </xf>
    <xf numFmtId="169" fontId="6" fillId="0" borderId="0" xfId="0" applyNumberFormat="1" applyFont="1" applyBorder="1" applyAlignment="1" applyProtection="1">
      <alignment horizontal="right" vertical="center" wrapText="1"/>
      <protection locked="0"/>
    </xf>
    <xf numFmtId="169" fontId="2" fillId="4" borderId="85" xfId="0" applyNumberFormat="1" applyFont="1" applyFill="1" applyBorder="1" applyAlignment="1" applyProtection="1">
      <alignment horizontal="right" vertical="center"/>
      <protection locked="0"/>
    </xf>
    <xf numFmtId="169" fontId="3" fillId="4" borderId="86" xfId="0" applyNumberFormat="1" applyFont="1" applyFill="1" applyBorder="1" applyAlignment="1" applyProtection="1">
      <alignment horizontal="right" vertical="center"/>
      <protection locked="0"/>
    </xf>
    <xf numFmtId="170" fontId="2" fillId="0" borderId="53" xfId="0" applyNumberFormat="1" applyFont="1" applyBorder="1" applyAlignment="1">
      <alignment horizontal="right" vertical="center" wrapText="1"/>
    </xf>
    <xf numFmtId="170" fontId="2" fillId="0" borderId="58" xfId="0" applyNumberFormat="1" applyFont="1" applyBorder="1" applyAlignment="1">
      <alignment horizontal="right" vertical="center" wrapText="1"/>
    </xf>
    <xf numFmtId="170" fontId="2" fillId="0" borderId="54" xfId="0" applyNumberFormat="1" applyFont="1" applyBorder="1" applyAlignment="1">
      <alignment horizontal="right" vertical="center" wrapText="1"/>
    </xf>
    <xf numFmtId="170" fontId="2" fillId="0" borderId="31" xfId="0" applyNumberFormat="1" applyFont="1" applyBorder="1" applyAlignment="1">
      <alignment horizontal="right" vertical="center" wrapText="1"/>
    </xf>
    <xf numFmtId="169" fontId="2" fillId="6" borderId="69" xfId="0" applyNumberFormat="1" applyFont="1" applyFill="1" applyBorder="1" applyAlignment="1" applyProtection="1">
      <alignment horizontal="right" vertical="center" wrapText="1"/>
      <protection locked="0"/>
    </xf>
    <xf numFmtId="171" fontId="2" fillId="0" borderId="53" xfId="0" applyNumberFormat="1" applyFont="1" applyBorder="1" applyAlignment="1">
      <alignment horizontal="right" vertical="center" wrapText="1"/>
    </xf>
    <xf numFmtId="171" fontId="2" fillId="0" borderId="58" xfId="0" applyNumberFormat="1" applyFont="1" applyBorder="1" applyAlignment="1">
      <alignment horizontal="right" vertical="center" wrapText="1"/>
    </xf>
    <xf numFmtId="171" fontId="2" fillId="0" borderId="54" xfId="0" applyNumberFormat="1" applyFont="1" applyBorder="1" applyAlignment="1">
      <alignment horizontal="right" vertical="center" wrapText="1"/>
    </xf>
    <xf numFmtId="171" fontId="2" fillId="0" borderId="31" xfId="0" applyNumberFormat="1" applyFont="1" applyBorder="1" applyAlignment="1">
      <alignment horizontal="right" vertical="center" wrapText="1"/>
    </xf>
    <xf numFmtId="1" fontId="5" fillId="0" borderId="76" xfId="0" applyNumberFormat="1" applyFont="1" applyFill="1" applyBorder="1" applyAlignment="1">
      <alignment vertical="center" wrapText="1"/>
    </xf>
    <xf numFmtId="0" fontId="5" fillId="0" borderId="76" xfId="0" applyFont="1" applyFill="1" applyBorder="1" applyAlignment="1">
      <alignment vertical="center" wrapText="1"/>
    </xf>
    <xf numFmtId="0" fontId="5" fillId="0" borderId="76" xfId="0" applyFont="1" applyFill="1" applyBorder="1" applyAlignment="1">
      <alignment horizontal="center" vertical="center" wrapText="1"/>
    </xf>
    <xf numFmtId="49" fontId="5" fillId="0" borderId="76" xfId="0" applyNumberFormat="1" applyFont="1" applyBorder="1" applyAlignment="1">
      <alignment vertical="center" wrapText="1"/>
    </xf>
    <xf numFmtId="0" fontId="9" fillId="0" borderId="76" xfId="0" applyFont="1" applyBorder="1" applyAlignment="1">
      <alignment horizontal="center" vertical="center" wrapText="1"/>
    </xf>
    <xf numFmtId="49" fontId="2" fillId="0" borderId="76" xfId="0" applyNumberFormat="1" applyFont="1" applyBorder="1" applyAlignment="1">
      <alignment vertical="center" wrapText="1"/>
    </xf>
    <xf numFmtId="0" fontId="9" fillId="0" borderId="76" xfId="0" applyFont="1" applyBorder="1" applyAlignment="1">
      <alignment vertical="center" wrapText="1"/>
    </xf>
    <xf numFmtId="0" fontId="5" fillId="0" borderId="67" xfId="0" applyFont="1" applyFill="1" applyBorder="1" applyAlignment="1">
      <alignment horizontal="center" vertical="center" wrapText="1"/>
    </xf>
    <xf numFmtId="49" fontId="2" fillId="0" borderId="76" xfId="0" applyNumberFormat="1" applyFont="1" applyBorder="1" applyAlignment="1">
      <alignment horizontal="center" vertical="center" wrapText="1"/>
    </xf>
    <xf numFmtId="49" fontId="2" fillId="0" borderId="76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8" fillId="0" borderId="0" xfId="0" applyFont="1" applyAlignment="1" applyProtection="1">
      <alignment horizontal="center" vertical="center" wrapText="1"/>
      <protection locked="0"/>
    </xf>
    <xf numFmtId="49" fontId="6" fillId="0" borderId="0" xfId="2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>
      <alignment horizontal="center" vertical="top" wrapText="1"/>
    </xf>
    <xf numFmtId="0" fontId="3" fillId="0" borderId="62" xfId="0" applyFont="1" applyBorder="1" applyAlignment="1">
      <alignment horizontal="center" vertical="top" wrapText="1"/>
    </xf>
    <xf numFmtId="164" fontId="3" fillId="0" borderId="8" xfId="0" applyNumberFormat="1" applyFont="1" applyBorder="1" applyAlignment="1">
      <alignment horizontal="center" vertical="top" wrapText="1"/>
    </xf>
    <xf numFmtId="164" fontId="3" fillId="0" borderId="9" xfId="0" applyNumberFormat="1" applyFont="1" applyBorder="1" applyAlignment="1">
      <alignment horizontal="center" vertical="top" wrapText="1"/>
    </xf>
    <xf numFmtId="164" fontId="3" fillId="0" borderId="34" xfId="0" applyNumberFormat="1" applyFont="1" applyBorder="1" applyAlignment="1">
      <alignment horizontal="center" vertical="top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6" xfId="0" applyFont="1" applyFill="1" applyBorder="1" applyAlignment="1" applyProtection="1">
      <alignment horizontal="center" vertical="top" wrapText="1"/>
      <protection locked="0"/>
    </xf>
    <xf numFmtId="49" fontId="3" fillId="0" borderId="2" xfId="0" applyNumberFormat="1" applyFont="1" applyBorder="1" applyAlignment="1">
      <alignment horizontal="center" vertical="top" wrapText="1"/>
    </xf>
    <xf numFmtId="49" fontId="3" fillId="0" borderId="16" xfId="0" applyNumberFormat="1" applyFont="1" applyBorder="1" applyAlignment="1">
      <alignment horizontal="center" vertical="top" wrapText="1"/>
    </xf>
    <xf numFmtId="49" fontId="3" fillId="0" borderId="2" xfId="0" applyNumberFormat="1" applyFont="1" applyFill="1" applyBorder="1" applyAlignment="1">
      <alignment horizontal="center" vertical="top" wrapText="1"/>
    </xf>
    <xf numFmtId="49" fontId="3" fillId="0" borderId="16" xfId="0" applyNumberFormat="1" applyFont="1" applyFill="1" applyBorder="1" applyAlignment="1">
      <alignment horizontal="center" vertical="top" wrapText="1"/>
    </xf>
    <xf numFmtId="49" fontId="3" fillId="0" borderId="32" xfId="0" applyNumberFormat="1" applyFont="1" applyFill="1" applyBorder="1" applyAlignment="1">
      <alignment horizontal="center" vertical="top" wrapText="1"/>
    </xf>
    <xf numFmtId="49" fontId="3" fillId="0" borderId="35" xfId="0" applyNumberFormat="1" applyFont="1" applyFill="1" applyBorder="1" applyAlignment="1">
      <alignment horizontal="center" vertical="top" wrapText="1"/>
    </xf>
    <xf numFmtId="49" fontId="3" fillId="0" borderId="33" xfId="0" applyNumberFormat="1" applyFont="1" applyBorder="1" applyAlignment="1">
      <alignment horizontal="center" vertical="top" wrapText="1"/>
    </xf>
    <xf numFmtId="49" fontId="3" fillId="0" borderId="36" xfId="0" applyNumberFormat="1" applyFont="1" applyBorder="1" applyAlignment="1">
      <alignment horizontal="center" vertical="top" wrapText="1"/>
    </xf>
    <xf numFmtId="49" fontId="3" fillId="0" borderId="2" xfId="0" applyNumberFormat="1" applyFont="1" applyBorder="1" applyAlignment="1">
      <alignment horizontal="left" vertical="top" wrapText="1"/>
    </xf>
    <xf numFmtId="49" fontId="3" fillId="0" borderId="16" xfId="0" applyNumberFormat="1" applyFont="1" applyBorder="1" applyAlignment="1">
      <alignment horizontal="left" vertical="top" wrapText="1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5" borderId="24" xfId="0" applyFont="1" applyFill="1" applyBorder="1" applyAlignment="1" applyProtection="1">
      <alignment horizontal="center" vertical="top" wrapText="1"/>
      <protection locked="0"/>
    </xf>
    <xf numFmtId="0" fontId="3" fillId="5" borderId="26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25" xfId="0" applyFont="1" applyFill="1" applyBorder="1" applyAlignment="1" applyProtection="1">
      <alignment horizontal="center" vertical="top" wrapText="1"/>
      <protection locked="0"/>
    </xf>
    <xf numFmtId="0" fontId="3" fillId="5" borderId="23" xfId="0" applyFont="1" applyFill="1" applyBorder="1" applyAlignment="1" applyProtection="1">
      <alignment horizontal="center" vertical="top" wrapText="1"/>
      <protection locked="0"/>
    </xf>
    <xf numFmtId="0" fontId="3" fillId="5" borderId="16" xfId="0" applyFont="1" applyFill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5" borderId="21" xfId="0" applyFont="1" applyFill="1" applyBorder="1" applyAlignment="1" applyProtection="1">
      <alignment horizontal="center" vertical="top" wrapText="1"/>
      <protection locked="0"/>
    </xf>
    <xf numFmtId="0" fontId="3" fillId="5" borderId="27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23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3" fillId="0" borderId="4" xfId="0" applyFont="1" applyBorder="1" applyAlignment="1">
      <alignment horizontal="center" vertical="top" wrapText="1"/>
    </xf>
    <xf numFmtId="0" fontId="3" fillId="0" borderId="16" xfId="0" applyFont="1" applyBorder="1" applyAlignment="1">
      <alignment horizontal="center" vertical="top" wrapText="1"/>
    </xf>
    <xf numFmtId="0" fontId="3" fillId="5" borderId="79" xfId="0" applyFont="1" applyFill="1" applyBorder="1" applyAlignment="1" applyProtection="1">
      <alignment horizontal="center" vertical="top" wrapText="1"/>
      <protection locked="0"/>
    </xf>
    <xf numFmtId="49" fontId="6" fillId="0" borderId="84" xfId="2" applyNumberFormat="1" applyFont="1" applyBorder="1" applyAlignment="1" applyProtection="1">
      <alignment horizontal="left" vertical="center" wrapText="1"/>
      <protection locked="0"/>
    </xf>
    <xf numFmtId="3" fontId="2" fillId="4" borderId="68" xfId="0" applyNumberFormat="1" applyFont="1" applyFill="1" applyBorder="1" applyAlignment="1" applyProtection="1">
      <alignment horizontal="center" vertical="center" wrapText="1"/>
      <protection locked="0"/>
    </xf>
    <xf numFmtId="3" fontId="5" fillId="0" borderId="75" xfId="0" applyNumberFormat="1" applyFont="1" applyFill="1" applyBorder="1" applyAlignment="1">
      <alignment horizontal="center" vertical="center" wrapText="1"/>
    </xf>
  </cellXfs>
  <cellStyles count="5">
    <cellStyle name="Normálna 2" xfId="1"/>
    <cellStyle name="Normálne" xfId="0" builtinId="0"/>
    <cellStyle name="normálne 2 2 2" xfId="2"/>
    <cellStyle name="Normálne 4" xfId="3"/>
    <cellStyle name="Percentá" xfId="4" builtinId="5"/>
  </cellStyles>
  <dxfs count="3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CC3300"/>
      <color rgb="FFFF99CC"/>
      <color rgb="FFCC66FF"/>
      <color rgb="FFFF6699"/>
      <color rgb="FFCC00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W195"/>
  <sheetViews>
    <sheetView showGridLines="0" topLeftCell="B1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9.42578125" style="5" customWidth="1"/>
    <col min="7" max="7" width="14.7109375" style="5" customWidth="1"/>
    <col min="8" max="8" width="14.5703125" style="5" customWidth="1"/>
    <col min="9" max="9" width="13.7109375" style="5" customWidth="1"/>
    <col min="10" max="10" width="12.42578125" style="5" customWidth="1"/>
    <col min="11" max="11" width="9" style="8" customWidth="1"/>
    <col min="12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6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  <c r="T1" s="52"/>
    </row>
    <row r="2" spans="1:26" ht="24.95" customHeight="1" x14ac:dyDescent="0.2">
      <c r="A2" s="53" t="s">
        <v>77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6" ht="49.5" customHeight="1" x14ac:dyDescent="0.2">
      <c r="A3" s="241" t="s">
        <v>82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6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6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239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26" s="56" customFormat="1" ht="39.75" customHeight="1" x14ac:dyDescent="0.25">
      <c r="A6" s="243"/>
      <c r="B6" s="245"/>
      <c r="C6" s="246"/>
      <c r="D6" s="248"/>
      <c r="E6" s="240"/>
      <c r="F6" s="237"/>
      <c r="G6" s="237"/>
      <c r="H6" s="240"/>
      <c r="I6" s="240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26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6" s="57" customFormat="1" ht="58.5" customHeight="1" thickBot="1" x14ac:dyDescent="0.3">
      <c r="A8" s="113" t="s">
        <v>0</v>
      </c>
      <c r="B8" s="114" t="s">
        <v>78</v>
      </c>
      <c r="C8" s="115" t="s">
        <v>79</v>
      </c>
      <c r="D8" s="116" t="s">
        <v>80</v>
      </c>
      <c r="E8" s="117" t="s">
        <v>65</v>
      </c>
      <c r="F8" s="118" t="s">
        <v>81</v>
      </c>
      <c r="G8" s="118" t="s">
        <v>68</v>
      </c>
      <c r="H8" s="178" t="s">
        <v>72</v>
      </c>
      <c r="I8" s="151">
        <v>33412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26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6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  <c r="N10" s="214"/>
      <c r="O10" s="214"/>
      <c r="P10" s="214"/>
      <c r="Q10" s="214"/>
      <c r="R10" s="214"/>
      <c r="S10" s="214"/>
    </row>
    <row r="11" spans="1:26" s="71" customFormat="1" ht="30" customHeight="1" x14ac:dyDescent="0.25">
      <c r="A11" s="215" t="s">
        <v>83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6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6" s="72" customFormat="1" ht="24.95" customHeight="1" x14ac:dyDescent="0.2">
      <c r="A13" s="217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  <c r="Z13" s="149"/>
    </row>
    <row r="14" spans="1:26" s="148" customFormat="1" ht="12" customHeight="1" x14ac:dyDescent="0.25">
      <c r="A14" s="133" t="s">
        <v>0</v>
      </c>
      <c r="B14" s="134" t="s">
        <v>11</v>
      </c>
      <c r="C14" s="135" t="s">
        <v>12</v>
      </c>
      <c r="D14" s="134" t="s">
        <v>13</v>
      </c>
      <c r="E14" s="136" t="s">
        <v>14</v>
      </c>
      <c r="F14" s="136" t="s">
        <v>15</v>
      </c>
      <c r="G14" s="137" t="s">
        <v>16</v>
      </c>
      <c r="H14" s="136" t="s">
        <v>17</v>
      </c>
      <c r="I14" s="138" t="s">
        <v>18</v>
      </c>
      <c r="J14" s="139" t="s">
        <v>27</v>
      </c>
      <c r="K14" s="140" t="s">
        <v>28</v>
      </c>
      <c r="L14" s="141" t="s">
        <v>29</v>
      </c>
      <c r="M14" s="142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  <c r="T14" s="147"/>
    </row>
    <row r="15" spans="1:26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111"/>
      <c r="K15" s="89"/>
      <c r="L15" s="90"/>
      <c r="M15" s="91"/>
      <c r="N15" s="192"/>
      <c r="O15" s="92"/>
      <c r="P15" s="194"/>
      <c r="Q15" s="192"/>
      <c r="R15" s="92"/>
      <c r="S15" s="194"/>
    </row>
    <row r="16" spans="1:26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111"/>
      <c r="K16" s="96"/>
      <c r="L16" s="97"/>
      <c r="M16" s="98"/>
      <c r="N16" s="192"/>
      <c r="O16" s="92"/>
      <c r="P16" s="194"/>
      <c r="Q16" s="192"/>
      <c r="R16" s="92"/>
      <c r="S16" s="194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111"/>
      <c r="K17" s="96"/>
      <c r="L17" s="97"/>
      <c r="M17" s="98"/>
      <c r="N17" s="192"/>
      <c r="O17" s="92"/>
      <c r="P17" s="194"/>
      <c r="Q17" s="192"/>
      <c r="R17" s="92"/>
      <c r="S17" s="194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111"/>
      <c r="K18" s="96"/>
      <c r="L18" s="97"/>
      <c r="M18" s="98"/>
      <c r="N18" s="192"/>
      <c r="O18" s="92"/>
      <c r="P18" s="194"/>
      <c r="Q18" s="192"/>
      <c r="R18" s="92"/>
      <c r="S18" s="194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112"/>
      <c r="K19" s="99"/>
      <c r="L19" s="100"/>
      <c r="M19" s="101"/>
      <c r="N19" s="193"/>
      <c r="O19" s="102"/>
      <c r="P19" s="195"/>
      <c r="Q19" s="193"/>
      <c r="R19" s="102"/>
      <c r="S19" s="195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9" x14ac:dyDescent="0.2">
      <c r="A36" s="60"/>
      <c r="B36" s="49" t="s">
        <v>10</v>
      </c>
    </row>
    <row r="37" spans="1:49" s="31" customFormat="1" ht="22.5" customHeight="1" x14ac:dyDescent="0.25">
      <c r="A37" s="47"/>
      <c r="B37" s="47"/>
    </row>
    <row r="38" spans="1:4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</row>
    <row r="39" spans="1:49" s="32" customFormat="1" ht="28.5" customHeight="1" x14ac:dyDescent="0.25">
      <c r="A39" s="48"/>
      <c r="B39" s="48"/>
    </row>
    <row r="40" spans="1:49" s="32" customFormat="1" ht="28.5" customHeight="1" x14ac:dyDescent="0.25">
      <c r="A40" s="48"/>
      <c r="B40" s="48"/>
      <c r="C40" s="63"/>
      <c r="D40" s="63"/>
    </row>
    <row r="41" spans="1:49" s="32" customFormat="1" ht="28.5" customHeight="1" x14ac:dyDescent="0.25">
      <c r="A41" s="48"/>
      <c r="B41" s="48"/>
      <c r="C41" s="63"/>
      <c r="D41" s="63"/>
    </row>
    <row r="42" spans="1:49" s="32" customFormat="1" ht="16.5" customHeight="1" x14ac:dyDescent="0.25">
      <c r="A42" s="48"/>
      <c r="B42" s="48"/>
      <c r="C42" s="63"/>
      <c r="D42" s="63"/>
    </row>
    <row r="43" spans="1:49" s="37" customFormat="1" ht="18" customHeight="1" x14ac:dyDescent="0.25"/>
    <row r="44" spans="1:49" s="31" customFormat="1" ht="33" customHeight="1" x14ac:dyDescent="0.25">
      <c r="A44" s="221"/>
      <c r="B44" s="221"/>
    </row>
    <row r="45" spans="1:49" s="31" customFormat="1" ht="22.5" customHeight="1" x14ac:dyDescent="0.25">
      <c r="A45" s="47"/>
      <c r="B45" s="47"/>
    </row>
    <row r="46" spans="1:4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</row>
    <row r="47" spans="1:49" s="32" customFormat="1" ht="28.5" customHeight="1" x14ac:dyDescent="0.25">
      <c r="A47" s="48"/>
      <c r="B47" s="48"/>
    </row>
    <row r="48" spans="1:49" s="32" customFormat="1" ht="28.5" customHeight="1" x14ac:dyDescent="0.25">
      <c r="A48" s="48"/>
      <c r="B48" s="48"/>
      <c r="C48" s="63"/>
      <c r="D48" s="63"/>
    </row>
    <row r="49" spans="1:49" s="32" customFormat="1" ht="28.5" customHeight="1" x14ac:dyDescent="0.25">
      <c r="A49" s="48"/>
      <c r="B49" s="48"/>
      <c r="C49" s="63"/>
      <c r="D49" s="63"/>
    </row>
    <row r="50" spans="1:49" s="32" customFormat="1" ht="16.5" customHeight="1" x14ac:dyDescent="0.25">
      <c r="A50" s="48"/>
      <c r="B50" s="48"/>
      <c r="C50" s="63"/>
      <c r="D50" s="63"/>
    </row>
    <row r="51" spans="1:49" s="37" customFormat="1" ht="18" customHeight="1" x14ac:dyDescent="0.25"/>
    <row r="52" spans="1:49" s="31" customFormat="1" ht="33" customHeight="1" x14ac:dyDescent="0.25">
      <c r="A52" s="221"/>
      <c r="B52" s="221"/>
    </row>
    <row r="53" spans="1:49" s="31" customFormat="1" ht="22.5" customHeight="1" x14ac:dyDescent="0.25">
      <c r="A53" s="47"/>
      <c r="B53" s="47"/>
    </row>
    <row r="54" spans="1:4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</row>
    <row r="55" spans="1:49" s="32" customFormat="1" ht="28.5" customHeight="1" x14ac:dyDescent="0.25">
      <c r="A55" s="48"/>
      <c r="B55" s="48"/>
    </row>
    <row r="56" spans="1:49" s="32" customFormat="1" ht="28.5" customHeight="1" x14ac:dyDescent="0.25">
      <c r="A56" s="48"/>
      <c r="B56" s="48"/>
      <c r="C56" s="63"/>
      <c r="D56" s="63"/>
    </row>
    <row r="57" spans="1:49" s="32" customFormat="1" ht="28.5" customHeight="1" x14ac:dyDescent="0.25">
      <c r="A57" s="48"/>
      <c r="B57" s="48"/>
      <c r="C57" s="63"/>
      <c r="D57" s="63"/>
    </row>
    <row r="58" spans="1:49" s="32" customFormat="1" ht="16.5" customHeight="1" x14ac:dyDescent="0.25">
      <c r="A58" s="48"/>
      <c r="B58" s="48"/>
      <c r="C58" s="63"/>
      <c r="D58" s="63"/>
    </row>
    <row r="59" spans="1:49" s="37" customFormat="1" ht="18" customHeight="1" x14ac:dyDescent="0.25"/>
    <row r="60" spans="1:49" s="31" customFormat="1" ht="33" customHeight="1" x14ac:dyDescent="0.25">
      <c r="A60" s="221"/>
      <c r="B60" s="221"/>
    </row>
    <row r="61" spans="1:49" s="31" customFormat="1" ht="22.5" customHeight="1" x14ac:dyDescent="0.25">
      <c r="A61" s="47"/>
      <c r="B61" s="47"/>
    </row>
    <row r="62" spans="1:4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</row>
    <row r="63" spans="1:49" s="32" customFormat="1" ht="28.5" customHeight="1" x14ac:dyDescent="0.25">
      <c r="A63" s="48"/>
      <c r="B63" s="48"/>
    </row>
    <row r="64" spans="1:49" s="32" customFormat="1" ht="28.5" customHeight="1" x14ac:dyDescent="0.25">
      <c r="A64" s="48"/>
      <c r="B64" s="48"/>
      <c r="C64" s="63"/>
      <c r="D64" s="63"/>
    </row>
    <row r="65" spans="1:49" s="32" customFormat="1" ht="28.5" customHeight="1" x14ac:dyDescent="0.25">
      <c r="A65" s="48"/>
      <c r="B65" s="48"/>
      <c r="C65" s="63"/>
      <c r="D65" s="63"/>
    </row>
    <row r="66" spans="1:49" s="32" customFormat="1" ht="16.5" customHeight="1" x14ac:dyDescent="0.25">
      <c r="A66" s="48"/>
      <c r="B66" s="48"/>
      <c r="C66" s="63"/>
      <c r="D66" s="63"/>
    </row>
    <row r="67" spans="1:49" s="37" customFormat="1" ht="18" customHeight="1" x14ac:dyDescent="0.25"/>
    <row r="68" spans="1:49" s="31" customFormat="1" ht="33" customHeight="1" x14ac:dyDescent="0.25">
      <c r="A68" s="221"/>
      <c r="B68" s="221"/>
    </row>
    <row r="69" spans="1:49" s="31" customFormat="1" ht="22.5" customHeight="1" x14ac:dyDescent="0.25">
      <c r="A69" s="47"/>
      <c r="B69" s="47"/>
    </row>
    <row r="70" spans="1:4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</row>
    <row r="71" spans="1:49" s="32" customFormat="1" ht="28.5" customHeight="1" x14ac:dyDescent="0.25">
      <c r="A71" s="48"/>
      <c r="B71" s="48"/>
    </row>
    <row r="72" spans="1:49" s="32" customFormat="1" ht="28.5" customHeight="1" x14ac:dyDescent="0.25">
      <c r="A72" s="48"/>
      <c r="B72" s="48"/>
      <c r="C72" s="63"/>
      <c r="D72" s="63"/>
    </row>
    <row r="73" spans="1:49" s="32" customFormat="1" ht="28.5" customHeight="1" x14ac:dyDescent="0.25">
      <c r="A73" s="48"/>
      <c r="B73" s="48"/>
      <c r="C73" s="63"/>
      <c r="D73" s="63"/>
    </row>
    <row r="74" spans="1:49" s="32" customFormat="1" ht="16.5" customHeight="1" x14ac:dyDescent="0.25">
      <c r="A74" s="48"/>
      <c r="B74" s="48"/>
      <c r="C74" s="63"/>
      <c r="D74" s="63"/>
    </row>
    <row r="75" spans="1:49" s="37" customFormat="1" ht="18" customHeight="1" x14ac:dyDescent="0.25"/>
    <row r="76" spans="1:49" s="31" customFormat="1" ht="33" customHeight="1" x14ac:dyDescent="0.25">
      <c r="A76" s="221"/>
      <c r="B76" s="221"/>
    </row>
    <row r="77" spans="1:49" s="31" customFormat="1" ht="22.5" customHeight="1" x14ac:dyDescent="0.25">
      <c r="A77" s="47"/>
      <c r="B77" s="47"/>
    </row>
    <row r="78" spans="1:4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</row>
    <row r="79" spans="1:49" s="32" customFormat="1" ht="28.5" customHeight="1" x14ac:dyDescent="0.25">
      <c r="A79" s="48"/>
      <c r="B79" s="48"/>
    </row>
    <row r="80" spans="1:49" s="32" customFormat="1" ht="28.5" customHeight="1" x14ac:dyDescent="0.25">
      <c r="A80" s="48"/>
      <c r="B80" s="48"/>
      <c r="C80" s="63"/>
      <c r="D80" s="63"/>
    </row>
    <row r="81" spans="1:49" s="32" customFormat="1" ht="28.5" customHeight="1" x14ac:dyDescent="0.25">
      <c r="A81" s="48"/>
      <c r="B81" s="48"/>
      <c r="C81" s="63"/>
      <c r="D81" s="63"/>
    </row>
    <row r="82" spans="1:49" s="32" customFormat="1" ht="16.5" customHeight="1" x14ac:dyDescent="0.25">
      <c r="A82" s="48"/>
      <c r="B82" s="48"/>
      <c r="C82" s="63"/>
      <c r="D82" s="63"/>
    </row>
    <row r="83" spans="1:49" s="37" customFormat="1" ht="18" customHeight="1" x14ac:dyDescent="0.25"/>
    <row r="84" spans="1:49" s="31" customFormat="1" ht="33" customHeight="1" x14ac:dyDescent="0.25">
      <c r="A84" s="221"/>
      <c r="B84" s="221"/>
    </row>
    <row r="85" spans="1:49" s="31" customFormat="1" ht="22.5" customHeight="1" x14ac:dyDescent="0.25">
      <c r="A85" s="47"/>
      <c r="B85" s="47"/>
    </row>
    <row r="86" spans="1:4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</row>
    <row r="87" spans="1:49" s="32" customFormat="1" ht="28.5" customHeight="1" x14ac:dyDescent="0.25">
      <c r="A87" s="48"/>
      <c r="B87" s="48"/>
    </row>
    <row r="88" spans="1:49" s="32" customFormat="1" ht="28.5" customHeight="1" x14ac:dyDescent="0.25">
      <c r="A88" s="48"/>
      <c r="B88" s="48"/>
      <c r="C88" s="63"/>
      <c r="D88" s="63"/>
    </row>
    <row r="89" spans="1:49" s="32" customFormat="1" ht="28.5" customHeight="1" x14ac:dyDescent="0.25">
      <c r="A89" s="48"/>
      <c r="B89" s="48"/>
      <c r="C89" s="63"/>
      <c r="D89" s="63"/>
    </row>
    <row r="90" spans="1:49" s="32" customFormat="1" ht="16.5" customHeight="1" x14ac:dyDescent="0.25">
      <c r="A90" s="48"/>
      <c r="B90" s="48"/>
      <c r="C90" s="63"/>
      <c r="D90" s="63"/>
    </row>
    <row r="91" spans="1:49" s="37" customFormat="1" ht="18" customHeight="1" x14ac:dyDescent="0.25"/>
    <row r="92" spans="1:49" s="31" customFormat="1" ht="33" customHeight="1" x14ac:dyDescent="0.25">
      <c r="A92" s="221"/>
      <c r="B92" s="221"/>
    </row>
    <row r="93" spans="1:49" s="31" customFormat="1" ht="22.5" customHeight="1" x14ac:dyDescent="0.25">
      <c r="A93" s="47"/>
      <c r="B93" s="47"/>
    </row>
    <row r="94" spans="1:4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</row>
    <row r="95" spans="1:49" s="32" customFormat="1" ht="28.5" customHeight="1" x14ac:dyDescent="0.25">
      <c r="A95" s="48"/>
      <c r="B95" s="48"/>
    </row>
    <row r="96" spans="1:49" s="32" customFormat="1" ht="28.5" customHeight="1" x14ac:dyDescent="0.25">
      <c r="A96" s="48"/>
      <c r="B96" s="48"/>
      <c r="C96" s="63"/>
      <c r="D96" s="63"/>
    </row>
    <row r="97" spans="1:49" s="32" customFormat="1" ht="28.5" customHeight="1" x14ac:dyDescent="0.25">
      <c r="A97" s="48"/>
      <c r="B97" s="48"/>
      <c r="C97" s="63"/>
      <c r="D97" s="63"/>
    </row>
    <row r="98" spans="1:49" s="32" customFormat="1" ht="16.5" customHeight="1" x14ac:dyDescent="0.25">
      <c r="A98" s="48"/>
      <c r="B98" s="48"/>
      <c r="C98" s="63"/>
      <c r="D98" s="63"/>
    </row>
    <row r="99" spans="1:49" s="37" customFormat="1" ht="18" customHeight="1" x14ac:dyDescent="0.25"/>
    <row r="100" spans="1:49" s="31" customFormat="1" ht="33" customHeight="1" x14ac:dyDescent="0.25">
      <c r="A100" s="221"/>
      <c r="B100" s="221"/>
    </row>
    <row r="101" spans="1:49" s="31" customFormat="1" ht="22.5" customHeight="1" x14ac:dyDescent="0.25">
      <c r="A101" s="47"/>
      <c r="B101" s="47"/>
    </row>
    <row r="102" spans="1:4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</row>
    <row r="103" spans="1:49" s="32" customFormat="1" ht="28.5" customHeight="1" x14ac:dyDescent="0.25">
      <c r="A103" s="48"/>
      <c r="B103" s="48"/>
    </row>
    <row r="104" spans="1:49" s="32" customFormat="1" ht="28.5" customHeight="1" x14ac:dyDescent="0.25">
      <c r="A104" s="48"/>
      <c r="B104" s="48"/>
      <c r="C104" s="63"/>
      <c r="D104" s="63"/>
    </row>
    <row r="105" spans="1:49" s="32" customFormat="1" ht="28.5" customHeight="1" x14ac:dyDescent="0.25">
      <c r="A105" s="48"/>
      <c r="B105" s="48"/>
      <c r="C105" s="63"/>
      <c r="D105" s="63"/>
    </row>
    <row r="106" spans="1:49" s="32" customFormat="1" ht="16.5" customHeight="1" x14ac:dyDescent="0.25">
      <c r="A106" s="48"/>
      <c r="B106" s="48"/>
      <c r="C106" s="63"/>
      <c r="D106" s="63"/>
    </row>
    <row r="107" spans="1:49" s="37" customFormat="1" ht="40.5" customHeight="1" x14ac:dyDescent="0.25"/>
    <row r="108" spans="1:49" s="31" customFormat="1" ht="33" customHeight="1" x14ac:dyDescent="0.25">
      <c r="A108" s="221"/>
      <c r="B108" s="221"/>
    </row>
    <row r="109" spans="1:49" s="31" customFormat="1" ht="22.5" customHeight="1" x14ac:dyDescent="0.25">
      <c r="A109" s="47"/>
      <c r="B109" s="47"/>
    </row>
    <row r="110" spans="1:4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</row>
    <row r="111" spans="1:49" s="32" customFormat="1" ht="28.5" customHeight="1" x14ac:dyDescent="0.25">
      <c r="A111" s="48"/>
      <c r="B111" s="48"/>
    </row>
    <row r="112" spans="1:49" s="32" customFormat="1" ht="28.5" customHeight="1" x14ac:dyDescent="0.25">
      <c r="A112" s="48"/>
      <c r="B112" s="48"/>
      <c r="C112" s="63"/>
      <c r="D112" s="63"/>
    </row>
    <row r="113" spans="1:49" s="32" customFormat="1" ht="28.5" customHeight="1" x14ac:dyDescent="0.25">
      <c r="A113" s="48"/>
      <c r="B113" s="48"/>
      <c r="C113" s="63"/>
      <c r="D113" s="63"/>
    </row>
    <row r="114" spans="1:49" s="32" customFormat="1" ht="16.5" customHeight="1" x14ac:dyDescent="0.25">
      <c r="A114" s="48"/>
      <c r="B114" s="48"/>
      <c r="C114" s="63"/>
      <c r="D114" s="63"/>
    </row>
    <row r="115" spans="1:49" s="37" customFormat="1" ht="18" customHeight="1" x14ac:dyDescent="0.25"/>
    <row r="116" spans="1:49" s="31" customFormat="1" ht="33" customHeight="1" x14ac:dyDescent="0.25">
      <c r="A116" s="221"/>
      <c r="B116" s="221"/>
    </row>
    <row r="117" spans="1:49" s="31" customFormat="1" ht="22.5" customHeight="1" x14ac:dyDescent="0.25">
      <c r="A117" s="47"/>
      <c r="B117" s="47"/>
    </row>
    <row r="118" spans="1:4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</row>
    <row r="119" spans="1:49" s="32" customFormat="1" ht="28.5" customHeight="1" x14ac:dyDescent="0.25">
      <c r="A119" s="48"/>
      <c r="B119" s="48"/>
    </row>
    <row r="120" spans="1:49" s="32" customFormat="1" ht="28.5" customHeight="1" x14ac:dyDescent="0.25">
      <c r="A120" s="48"/>
      <c r="B120" s="48"/>
      <c r="C120" s="63"/>
      <c r="D120" s="63"/>
    </row>
    <row r="121" spans="1:49" s="32" customFormat="1" ht="28.5" customHeight="1" x14ac:dyDescent="0.25">
      <c r="A121" s="48"/>
      <c r="B121" s="48"/>
      <c r="C121" s="63"/>
      <c r="D121" s="63"/>
    </row>
    <row r="122" spans="1:49" s="32" customFormat="1" ht="16.5" customHeight="1" x14ac:dyDescent="0.25">
      <c r="A122" s="48"/>
      <c r="B122" s="48"/>
      <c r="C122" s="63"/>
      <c r="D122" s="63"/>
    </row>
    <row r="123" spans="1:49" s="37" customFormat="1" ht="18" customHeight="1" x14ac:dyDescent="0.25"/>
    <row r="124" spans="1:49" s="31" customFormat="1" ht="33" customHeight="1" x14ac:dyDescent="0.25">
      <c r="A124" s="221"/>
      <c r="B124" s="221"/>
    </row>
    <row r="125" spans="1:49" s="31" customFormat="1" ht="22.5" customHeight="1" x14ac:dyDescent="0.25">
      <c r="A125" s="47"/>
      <c r="B125" s="47"/>
    </row>
    <row r="126" spans="1:4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</row>
    <row r="127" spans="1:49" s="32" customFormat="1" ht="28.5" customHeight="1" x14ac:dyDescent="0.25">
      <c r="A127" s="48"/>
      <c r="B127" s="48"/>
    </row>
    <row r="128" spans="1:49" s="32" customFormat="1" ht="28.5" customHeight="1" x14ac:dyDescent="0.25">
      <c r="A128" s="48"/>
      <c r="B128" s="48"/>
      <c r="C128" s="63"/>
      <c r="D128" s="63"/>
    </row>
    <row r="129" spans="1:49" s="32" customFormat="1" ht="28.5" customHeight="1" x14ac:dyDescent="0.25">
      <c r="A129" s="48"/>
      <c r="B129" s="48"/>
      <c r="C129" s="63"/>
      <c r="D129" s="63"/>
    </row>
    <row r="130" spans="1:49" s="32" customFormat="1" ht="16.5" customHeight="1" x14ac:dyDescent="0.25">
      <c r="A130" s="48"/>
      <c r="B130" s="48"/>
      <c r="C130" s="63"/>
      <c r="D130" s="63"/>
    </row>
    <row r="131" spans="1:49" s="37" customFormat="1" ht="18" customHeight="1" x14ac:dyDescent="0.25"/>
    <row r="132" spans="1:49" s="31" customFormat="1" ht="33" customHeight="1" x14ac:dyDescent="0.25">
      <c r="A132" s="221"/>
      <c r="B132" s="221"/>
    </row>
    <row r="133" spans="1:49" s="31" customFormat="1" ht="22.5" customHeight="1" x14ac:dyDescent="0.25">
      <c r="A133" s="47"/>
      <c r="B133" s="47"/>
    </row>
    <row r="134" spans="1:4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</row>
    <row r="135" spans="1:49" s="32" customFormat="1" ht="28.5" customHeight="1" x14ac:dyDescent="0.25">
      <c r="A135" s="48"/>
      <c r="B135" s="48"/>
    </row>
    <row r="136" spans="1:49" s="32" customFormat="1" ht="28.5" customHeight="1" x14ac:dyDescent="0.25">
      <c r="A136" s="48"/>
      <c r="B136" s="48"/>
      <c r="C136" s="63"/>
      <c r="D136" s="63"/>
    </row>
    <row r="137" spans="1:49" s="32" customFormat="1" ht="28.5" customHeight="1" x14ac:dyDescent="0.25">
      <c r="A137" s="48"/>
      <c r="B137" s="48"/>
      <c r="C137" s="63"/>
      <c r="D137" s="63"/>
    </row>
    <row r="138" spans="1:49" s="32" customFormat="1" ht="16.5" customHeight="1" x14ac:dyDescent="0.25">
      <c r="A138" s="48"/>
      <c r="B138" s="48"/>
      <c r="C138" s="63"/>
      <c r="D138" s="63"/>
    </row>
    <row r="139" spans="1:49" s="37" customFormat="1" ht="18" customHeight="1" x14ac:dyDescent="0.25"/>
    <row r="140" spans="1:49" s="31" customFormat="1" ht="33" customHeight="1" x14ac:dyDescent="0.25">
      <c r="A140" s="221"/>
      <c r="B140" s="221"/>
    </row>
    <row r="141" spans="1:49" s="31" customFormat="1" ht="22.5" customHeight="1" x14ac:dyDescent="0.25">
      <c r="A141" s="47"/>
      <c r="B141" s="47"/>
    </row>
    <row r="142" spans="1:4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</row>
    <row r="143" spans="1:49" s="32" customFormat="1" ht="28.5" customHeight="1" x14ac:dyDescent="0.25">
      <c r="A143" s="48"/>
      <c r="B143" s="48"/>
    </row>
    <row r="144" spans="1:49" s="32" customFormat="1" ht="28.5" customHeight="1" x14ac:dyDescent="0.25">
      <c r="A144" s="48"/>
      <c r="B144" s="48"/>
      <c r="C144" s="63"/>
      <c r="D144" s="63"/>
    </row>
    <row r="145" spans="1:49" s="32" customFormat="1" ht="28.5" customHeight="1" x14ac:dyDescent="0.25">
      <c r="A145" s="48"/>
      <c r="B145" s="48"/>
      <c r="C145" s="63"/>
      <c r="D145" s="63"/>
    </row>
    <row r="146" spans="1:49" s="32" customFormat="1" ht="16.5" customHeight="1" x14ac:dyDescent="0.25">
      <c r="A146" s="48"/>
      <c r="B146" s="48"/>
      <c r="C146" s="63"/>
      <c r="D146" s="63"/>
    </row>
    <row r="147" spans="1:49" s="37" customFormat="1" ht="18" customHeight="1" x14ac:dyDescent="0.25"/>
    <row r="148" spans="1:49" s="31" customFormat="1" ht="33" customHeight="1" x14ac:dyDescent="0.25">
      <c r="A148" s="221"/>
      <c r="B148" s="221"/>
    </row>
    <row r="149" spans="1:49" s="31" customFormat="1" ht="22.5" customHeight="1" x14ac:dyDescent="0.25">
      <c r="A149" s="47"/>
      <c r="B149" s="47"/>
    </row>
    <row r="150" spans="1:4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</row>
    <row r="151" spans="1:49" s="32" customFormat="1" ht="28.5" customHeight="1" x14ac:dyDescent="0.25">
      <c r="A151" s="48"/>
      <c r="B151" s="48"/>
    </row>
    <row r="152" spans="1:49" s="32" customFormat="1" ht="28.5" customHeight="1" x14ac:dyDescent="0.25">
      <c r="A152" s="48"/>
      <c r="B152" s="48"/>
      <c r="C152" s="63"/>
      <c r="D152" s="63"/>
    </row>
    <row r="153" spans="1:49" s="32" customFormat="1" ht="28.5" customHeight="1" x14ac:dyDescent="0.25">
      <c r="A153" s="48"/>
      <c r="B153" s="48"/>
      <c r="C153" s="63"/>
      <c r="D153" s="63"/>
    </row>
    <row r="154" spans="1:49" s="32" customFormat="1" ht="16.5" customHeight="1" x14ac:dyDescent="0.25">
      <c r="A154" s="48"/>
      <c r="B154" s="48"/>
      <c r="C154" s="63"/>
      <c r="D154" s="63"/>
    </row>
    <row r="155" spans="1:49" s="37" customFormat="1" ht="18" customHeight="1" x14ac:dyDescent="0.25"/>
    <row r="156" spans="1:49" s="31" customFormat="1" ht="33" customHeight="1" x14ac:dyDescent="0.25">
      <c r="A156" s="221"/>
      <c r="B156" s="221"/>
    </row>
    <row r="157" spans="1:49" s="31" customFormat="1" ht="22.5" customHeight="1" x14ac:dyDescent="0.25">
      <c r="A157" s="47"/>
      <c r="B157" s="47"/>
    </row>
    <row r="158" spans="1:4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</row>
    <row r="159" spans="1:49" s="32" customFormat="1" ht="28.5" customHeight="1" x14ac:dyDescent="0.25">
      <c r="A159" s="48"/>
      <c r="B159" s="48"/>
    </row>
    <row r="160" spans="1:49" s="32" customFormat="1" ht="28.5" customHeight="1" x14ac:dyDescent="0.25">
      <c r="A160" s="48"/>
      <c r="B160" s="48"/>
      <c r="C160" s="63"/>
      <c r="D160" s="63"/>
    </row>
    <row r="161" spans="1:49" s="32" customFormat="1" ht="28.5" customHeight="1" x14ac:dyDescent="0.25">
      <c r="A161" s="48"/>
      <c r="B161" s="48"/>
      <c r="C161" s="63"/>
      <c r="D161" s="63"/>
    </row>
    <row r="162" spans="1:49" s="32" customFormat="1" ht="16.5" customHeight="1" x14ac:dyDescent="0.25">
      <c r="A162" s="48"/>
      <c r="B162" s="48"/>
      <c r="C162" s="63"/>
      <c r="D162" s="63"/>
    </row>
    <row r="163" spans="1:49" s="37" customFormat="1" ht="18" customHeight="1" x14ac:dyDescent="0.25"/>
    <row r="164" spans="1:49" s="31" customFormat="1" ht="33" customHeight="1" x14ac:dyDescent="0.25">
      <c r="A164" s="221"/>
      <c r="B164" s="221"/>
    </row>
    <row r="165" spans="1:49" s="31" customFormat="1" ht="22.5" customHeight="1" x14ac:dyDescent="0.25">
      <c r="A165" s="47"/>
      <c r="B165" s="47"/>
    </row>
    <row r="166" spans="1:4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</row>
    <row r="167" spans="1:49" s="32" customFormat="1" ht="28.5" customHeight="1" x14ac:dyDescent="0.25">
      <c r="A167" s="48"/>
      <c r="B167" s="48"/>
    </row>
    <row r="168" spans="1:49" s="32" customFormat="1" ht="28.5" customHeight="1" x14ac:dyDescent="0.25">
      <c r="A168" s="48"/>
      <c r="B168" s="48"/>
      <c r="C168" s="63"/>
      <c r="D168" s="63"/>
    </row>
    <row r="169" spans="1:49" s="32" customFormat="1" ht="28.5" customHeight="1" x14ac:dyDescent="0.25">
      <c r="A169" s="48"/>
      <c r="B169" s="48"/>
      <c r="C169" s="63"/>
      <c r="D169" s="63"/>
    </row>
    <row r="170" spans="1:49" s="32" customFormat="1" ht="16.5" customHeight="1" x14ac:dyDescent="0.25">
      <c r="A170" s="48"/>
      <c r="B170" s="48"/>
      <c r="C170" s="63"/>
      <c r="D170" s="63"/>
    </row>
    <row r="171" spans="1:49" s="37" customFormat="1" ht="18" customHeight="1" x14ac:dyDescent="0.25"/>
    <row r="172" spans="1:49" s="31" customFormat="1" ht="33" customHeight="1" x14ac:dyDescent="0.25">
      <c r="A172" s="221"/>
      <c r="B172" s="221"/>
    </row>
    <row r="173" spans="1:49" s="31" customFormat="1" ht="22.5" customHeight="1" x14ac:dyDescent="0.25">
      <c r="A173" s="47"/>
      <c r="B173" s="47"/>
    </row>
    <row r="174" spans="1:4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</row>
    <row r="175" spans="1:49" s="32" customFormat="1" ht="28.5" customHeight="1" x14ac:dyDescent="0.25">
      <c r="A175" s="48"/>
      <c r="B175" s="48"/>
    </row>
    <row r="176" spans="1:4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40"/>
      <c r="C179" s="40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3">
    <mergeCell ref="A3:L3"/>
    <mergeCell ref="A5:A6"/>
    <mergeCell ref="B5:B6"/>
    <mergeCell ref="C5:C6"/>
    <mergeCell ref="D5:D6"/>
    <mergeCell ref="E5:E6"/>
    <mergeCell ref="M5:N5"/>
    <mergeCell ref="F5:F6"/>
    <mergeCell ref="G5:G6"/>
    <mergeCell ref="J5:L5"/>
    <mergeCell ref="H5:H6"/>
    <mergeCell ref="I5:I6"/>
    <mergeCell ref="A148:B148"/>
    <mergeCell ref="A156:B156"/>
    <mergeCell ref="H188:I188"/>
    <mergeCell ref="H185:I185"/>
    <mergeCell ref="H187:I187"/>
    <mergeCell ref="C182:D182"/>
    <mergeCell ref="A178:K178"/>
    <mergeCell ref="C180:D180"/>
    <mergeCell ref="C181:D181"/>
    <mergeCell ref="A164:B164"/>
    <mergeCell ref="A172:B172"/>
    <mergeCell ref="A193:B193"/>
    <mergeCell ref="B189:C189"/>
    <mergeCell ref="B190:C190"/>
    <mergeCell ref="C184:D184"/>
    <mergeCell ref="C185:D185"/>
    <mergeCell ref="C186:D186"/>
    <mergeCell ref="A132:B132"/>
    <mergeCell ref="A140:B140"/>
    <mergeCell ref="L12:L13"/>
    <mergeCell ref="M12:M13"/>
    <mergeCell ref="N12:P12"/>
    <mergeCell ref="I12:I13"/>
    <mergeCell ref="J12:J13"/>
    <mergeCell ref="A116:B116"/>
    <mergeCell ref="A124:B124"/>
    <mergeCell ref="E12:E13"/>
    <mergeCell ref="F12:F13"/>
    <mergeCell ref="G12:G13"/>
    <mergeCell ref="Q12:S12"/>
    <mergeCell ref="A108:B108"/>
    <mergeCell ref="A92:B92"/>
    <mergeCell ref="A100:B100"/>
    <mergeCell ref="A44:B44"/>
    <mergeCell ref="A20:B20"/>
    <mergeCell ref="A76:B76"/>
    <mergeCell ref="A84:B84"/>
    <mergeCell ref="A68:B68"/>
    <mergeCell ref="A52:B52"/>
    <mergeCell ref="A60:B60"/>
    <mergeCell ref="D12:D13"/>
    <mergeCell ref="K12:K13"/>
    <mergeCell ref="B12:B13"/>
    <mergeCell ref="C12:C13"/>
    <mergeCell ref="H12:H13"/>
    <mergeCell ref="A1:S1"/>
    <mergeCell ref="B31:C31"/>
    <mergeCell ref="B32:C32"/>
    <mergeCell ref="A35:B35"/>
    <mergeCell ref="C22:D22"/>
    <mergeCell ref="C23:D23"/>
    <mergeCell ref="C24:D24"/>
    <mergeCell ref="C26:D26"/>
    <mergeCell ref="C27:D27"/>
    <mergeCell ref="H27:I27"/>
    <mergeCell ref="C28:D28"/>
    <mergeCell ref="H29:I29"/>
    <mergeCell ref="H30:I30"/>
    <mergeCell ref="A10:S10"/>
    <mergeCell ref="A11:L11"/>
    <mergeCell ref="A12:A13"/>
  </mergeCells>
  <conditionalFormatting sqref="B189:C189">
    <cfRule type="containsBlanks" dxfId="311" priority="28">
      <formula>LEN(TRIM(B189))=0</formula>
    </cfRule>
  </conditionalFormatting>
  <conditionalFormatting sqref="B190:C190">
    <cfRule type="containsBlanks" dxfId="310" priority="27">
      <formula>LEN(TRIM(B190))=0</formula>
    </cfRule>
  </conditionalFormatting>
  <conditionalFormatting sqref="H187:I187">
    <cfRule type="containsBlanks" dxfId="309" priority="14">
      <formula>LEN(TRIM(H187))=0</formula>
    </cfRule>
  </conditionalFormatting>
  <conditionalFormatting sqref="H188:I188">
    <cfRule type="containsBlanks" dxfId="308" priority="13">
      <formula>LEN(TRIM(H188))=0</formula>
    </cfRule>
  </conditionalFormatting>
  <conditionalFormatting sqref="C180:D182">
    <cfRule type="containsBlanks" dxfId="307" priority="9">
      <formula>LEN(TRIM(C180))=0</formula>
    </cfRule>
  </conditionalFormatting>
  <conditionalFormatting sqref="C184:D186">
    <cfRule type="containsBlanks" dxfId="306" priority="8">
      <formula>LEN(TRIM(C184))=0</formula>
    </cfRule>
  </conditionalFormatting>
  <conditionalFormatting sqref="J15:J19">
    <cfRule type="cellIs" dxfId="305" priority="7" operator="greaterThan">
      <formula>2560820</formula>
    </cfRule>
  </conditionalFormatting>
  <conditionalFormatting sqref="B31:C31">
    <cfRule type="containsBlanks" dxfId="304" priority="6">
      <formula>LEN(TRIM(B31))=0</formula>
    </cfRule>
  </conditionalFormatting>
  <conditionalFormatting sqref="B32:C32">
    <cfRule type="containsBlanks" dxfId="303" priority="5">
      <formula>LEN(TRIM(B32))=0</formula>
    </cfRule>
  </conditionalFormatting>
  <conditionalFormatting sqref="H29:I29">
    <cfRule type="containsBlanks" dxfId="302" priority="4">
      <formula>LEN(TRIM(H29))=0</formula>
    </cfRule>
  </conditionalFormatting>
  <conditionalFormatting sqref="H30:I30">
    <cfRule type="containsBlanks" dxfId="301" priority="3">
      <formula>LEN(TRIM(H30))=0</formula>
    </cfRule>
  </conditionalFormatting>
  <conditionalFormatting sqref="C22:D24">
    <cfRule type="containsBlanks" dxfId="300" priority="2">
      <formula>LEN(TRIM(C22))=0</formula>
    </cfRule>
  </conditionalFormatting>
  <conditionalFormatting sqref="C26:D28">
    <cfRule type="containsBlanks" dxfId="29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2" fitToHeight="0" orientation="landscape" r:id="rId1"/>
  <headerFooter alignWithMargins="0">
    <oddFooter>&amp;C&amp;P</oddFooter>
  </headerFooter>
  <rowBreaks count="5" manualBreakCount="5">
    <brk id="37" max="18" man="1"/>
    <brk id="93" max="18" man="1"/>
    <brk id="121" max="18" man="1"/>
    <brk id="141" max="18" man="1"/>
    <brk id="169" max="18" man="1"/>
  </rowBreaks>
  <colBreaks count="1" manualBreakCount="1">
    <brk id="13" max="33" man="1"/>
  </colBreaks>
  <ignoredErrors>
    <ignoredError sqref="M8" unlockedFormula="1"/>
  </ignoredError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20" ht="24.95" customHeight="1" x14ac:dyDescent="0.2">
      <c r="A2" s="53" t="s">
        <v>115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33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  <c r="T5" s="166"/>
    </row>
    <row r="6" spans="1:20" s="56" customFormat="1" ht="32.25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67.5" customHeight="1" thickBot="1" x14ac:dyDescent="0.3">
      <c r="A8" s="156" t="s">
        <v>0</v>
      </c>
      <c r="B8" s="175" t="s">
        <v>135</v>
      </c>
      <c r="C8" s="202" t="s">
        <v>136</v>
      </c>
      <c r="D8" s="158" t="s">
        <v>135</v>
      </c>
      <c r="E8" s="198" t="s">
        <v>71</v>
      </c>
      <c r="F8" s="200" t="s">
        <v>113</v>
      </c>
      <c r="G8" s="203" t="s">
        <v>68</v>
      </c>
      <c r="H8" s="201" t="s">
        <v>114</v>
      </c>
      <c r="I8" s="151">
        <v>990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20" s="71" customFormat="1" ht="30" customHeight="1" x14ac:dyDescent="0.25">
      <c r="A11" s="215" t="s">
        <v>134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51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94" priority="13">
      <formula>LEN(TRIM(B189))=0</formula>
    </cfRule>
  </conditionalFormatting>
  <conditionalFormatting sqref="B190:C190">
    <cfRule type="containsBlanks" dxfId="193" priority="12">
      <formula>LEN(TRIM(B190))=0</formula>
    </cfRule>
  </conditionalFormatting>
  <conditionalFormatting sqref="H187:I187">
    <cfRule type="containsBlanks" dxfId="192" priority="11">
      <formula>LEN(TRIM(H187))=0</formula>
    </cfRule>
  </conditionalFormatting>
  <conditionalFormatting sqref="H188:I188">
    <cfRule type="containsBlanks" dxfId="191" priority="10">
      <formula>LEN(TRIM(H188))=0</formula>
    </cfRule>
  </conditionalFormatting>
  <conditionalFormatting sqref="C180:D182">
    <cfRule type="containsBlanks" dxfId="190" priority="9">
      <formula>LEN(TRIM(C180))=0</formula>
    </cfRule>
  </conditionalFormatting>
  <conditionalFormatting sqref="C184:D186">
    <cfRule type="containsBlanks" dxfId="189" priority="8">
      <formula>LEN(TRIM(C184))=0</formula>
    </cfRule>
  </conditionalFormatting>
  <conditionalFormatting sqref="J15:J19">
    <cfRule type="cellIs" dxfId="188" priority="7" operator="greaterThan">
      <formula>2560820</formula>
    </cfRule>
  </conditionalFormatting>
  <conditionalFormatting sqref="B31:C31">
    <cfRule type="containsBlanks" dxfId="187" priority="6">
      <formula>LEN(TRIM(B31))=0</formula>
    </cfRule>
  </conditionalFormatting>
  <conditionalFormatting sqref="B32:C32">
    <cfRule type="containsBlanks" dxfId="186" priority="5">
      <formula>LEN(TRIM(B32))=0</formula>
    </cfRule>
  </conditionalFormatting>
  <conditionalFormatting sqref="H29:I29">
    <cfRule type="containsBlanks" dxfId="185" priority="4">
      <formula>LEN(TRIM(H29))=0</formula>
    </cfRule>
  </conditionalFormatting>
  <conditionalFormatting sqref="H30:I30">
    <cfRule type="containsBlanks" dxfId="184" priority="3">
      <formula>LEN(TRIM(H30))=0</formula>
    </cfRule>
  </conditionalFormatting>
  <conditionalFormatting sqref="C22:D24">
    <cfRule type="containsBlanks" dxfId="183" priority="2">
      <formula>LEN(TRIM(C22))=0</formula>
    </cfRule>
  </conditionalFormatting>
  <conditionalFormatting sqref="C26:D28">
    <cfRule type="containsBlanks" dxfId="18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9" sqref="I9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8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37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50" t="s">
        <v>138</v>
      </c>
      <c r="C8" s="202" t="s">
        <v>140</v>
      </c>
      <c r="D8" s="155" t="s">
        <v>138</v>
      </c>
      <c r="E8" s="198" t="s">
        <v>71</v>
      </c>
      <c r="F8" s="200" t="s">
        <v>141</v>
      </c>
      <c r="G8" s="165" t="s">
        <v>68</v>
      </c>
      <c r="H8" s="201" t="s">
        <v>75</v>
      </c>
      <c r="I8" s="151">
        <v>1353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3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81" priority="13">
      <formula>LEN(TRIM(B189))=0</formula>
    </cfRule>
  </conditionalFormatting>
  <conditionalFormatting sqref="B190:C190">
    <cfRule type="containsBlanks" dxfId="180" priority="12">
      <formula>LEN(TRIM(B190))=0</formula>
    </cfRule>
  </conditionalFormatting>
  <conditionalFormatting sqref="H187:I187">
    <cfRule type="containsBlanks" dxfId="179" priority="11">
      <formula>LEN(TRIM(H187))=0</formula>
    </cfRule>
  </conditionalFormatting>
  <conditionalFormatting sqref="H188:I188">
    <cfRule type="containsBlanks" dxfId="178" priority="10">
      <formula>LEN(TRIM(H188))=0</formula>
    </cfRule>
  </conditionalFormatting>
  <conditionalFormatting sqref="C180:D182">
    <cfRule type="containsBlanks" dxfId="177" priority="9">
      <formula>LEN(TRIM(C180))=0</formula>
    </cfRule>
  </conditionalFormatting>
  <conditionalFormatting sqref="C184:D186">
    <cfRule type="containsBlanks" dxfId="176" priority="8">
      <formula>LEN(TRIM(C184))=0</formula>
    </cfRule>
  </conditionalFormatting>
  <conditionalFormatting sqref="J15:J19">
    <cfRule type="cellIs" dxfId="175" priority="7" operator="greaterThan">
      <formula>2560820</formula>
    </cfRule>
  </conditionalFormatting>
  <conditionalFormatting sqref="B31:C31">
    <cfRule type="containsBlanks" dxfId="174" priority="6">
      <formula>LEN(TRIM(B31))=0</formula>
    </cfRule>
  </conditionalFormatting>
  <conditionalFormatting sqref="B32:C32">
    <cfRule type="containsBlanks" dxfId="173" priority="5">
      <formula>LEN(TRIM(B32))=0</formula>
    </cfRule>
  </conditionalFormatting>
  <conditionalFormatting sqref="H29:I29">
    <cfRule type="containsBlanks" dxfId="172" priority="4">
      <formula>LEN(TRIM(H29))=0</formula>
    </cfRule>
  </conditionalFormatting>
  <conditionalFormatting sqref="H30:I30">
    <cfRule type="containsBlanks" dxfId="171" priority="3">
      <formula>LEN(TRIM(H30))=0</formula>
    </cfRule>
  </conditionalFormatting>
  <conditionalFormatting sqref="C22:D24">
    <cfRule type="containsBlanks" dxfId="170" priority="2">
      <formula>LEN(TRIM(C22))=0</formula>
    </cfRule>
  </conditionalFormatting>
  <conditionalFormatting sqref="C26:D28">
    <cfRule type="containsBlanks" dxfId="16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topLeftCell="B1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20.85546875" style="7" customWidth="1"/>
    <col min="5" max="5" width="24.140625" style="7" customWidth="1"/>
    <col min="6" max="6" width="15" style="5" customWidth="1"/>
    <col min="7" max="10" width="14.7109375" style="5" customWidth="1"/>
    <col min="11" max="11" width="8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42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  <c r="T5" s="166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44.25" customHeight="1" thickBot="1" x14ac:dyDescent="0.3">
      <c r="A8" s="156" t="s">
        <v>0</v>
      </c>
      <c r="B8" s="163" t="s">
        <v>143</v>
      </c>
      <c r="C8" s="202" t="s">
        <v>145</v>
      </c>
      <c r="D8" s="154" t="s">
        <v>143</v>
      </c>
      <c r="E8" s="200" t="s">
        <v>65</v>
      </c>
      <c r="F8" s="200" t="s">
        <v>146</v>
      </c>
      <c r="G8" s="179" t="s">
        <v>68</v>
      </c>
      <c r="H8" s="201" t="s">
        <v>74</v>
      </c>
      <c r="I8" s="151">
        <v>241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  <c r="T8" s="168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20" s="71" customFormat="1" ht="30" customHeight="1" x14ac:dyDescent="0.25">
      <c r="A11" s="215" t="s">
        <v>144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68" priority="13">
      <formula>LEN(TRIM(B189))=0</formula>
    </cfRule>
  </conditionalFormatting>
  <conditionalFormatting sqref="B190:C190">
    <cfRule type="containsBlanks" dxfId="167" priority="12">
      <formula>LEN(TRIM(B190))=0</formula>
    </cfRule>
  </conditionalFormatting>
  <conditionalFormatting sqref="H187:I187">
    <cfRule type="containsBlanks" dxfId="166" priority="11">
      <formula>LEN(TRIM(H187))=0</formula>
    </cfRule>
  </conditionalFormatting>
  <conditionalFormatting sqref="H188:I188">
    <cfRule type="containsBlanks" dxfId="165" priority="10">
      <formula>LEN(TRIM(H188))=0</formula>
    </cfRule>
  </conditionalFormatting>
  <conditionalFormatting sqref="C180:D182">
    <cfRule type="containsBlanks" dxfId="164" priority="9">
      <formula>LEN(TRIM(C180))=0</formula>
    </cfRule>
  </conditionalFormatting>
  <conditionalFormatting sqref="C184:D186">
    <cfRule type="containsBlanks" dxfId="163" priority="8">
      <formula>LEN(TRIM(C184))=0</formula>
    </cfRule>
  </conditionalFormatting>
  <conditionalFormatting sqref="J15:J19">
    <cfRule type="cellIs" dxfId="162" priority="7" operator="greaterThan">
      <formula>2560820</formula>
    </cfRule>
  </conditionalFormatting>
  <conditionalFormatting sqref="B31:C31">
    <cfRule type="containsBlanks" dxfId="161" priority="6">
      <formula>LEN(TRIM(B31))=0</formula>
    </cfRule>
  </conditionalFormatting>
  <conditionalFormatting sqref="B32:C32">
    <cfRule type="containsBlanks" dxfId="160" priority="5">
      <formula>LEN(TRIM(B32))=0</formula>
    </cfRule>
  </conditionalFormatting>
  <conditionalFormatting sqref="H29:I29">
    <cfRule type="containsBlanks" dxfId="159" priority="4">
      <formula>LEN(TRIM(H29))=0</formula>
    </cfRule>
  </conditionalFormatting>
  <conditionalFormatting sqref="H30:I30">
    <cfRule type="containsBlanks" dxfId="158" priority="3">
      <formula>LEN(TRIM(H30))=0</formula>
    </cfRule>
  </conditionalFormatting>
  <conditionalFormatting sqref="C22:D24">
    <cfRule type="containsBlanks" dxfId="157" priority="2">
      <formula>LEN(TRIM(C22))=0</formula>
    </cfRule>
  </conditionalFormatting>
  <conditionalFormatting sqref="C26:D28">
    <cfRule type="containsBlanks" dxfId="156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90" zoomScaleNormal="9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2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47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6" t="s">
        <v>0</v>
      </c>
      <c r="B8" s="158" t="s">
        <v>148</v>
      </c>
      <c r="C8" s="202" t="s">
        <v>149</v>
      </c>
      <c r="D8" s="158" t="s">
        <v>148</v>
      </c>
      <c r="E8" s="198" t="s">
        <v>71</v>
      </c>
      <c r="F8" s="198" t="s">
        <v>150</v>
      </c>
      <c r="G8" s="174" t="s">
        <v>68</v>
      </c>
      <c r="H8" s="201" t="s">
        <v>151</v>
      </c>
      <c r="I8" s="151">
        <v>1201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52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1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55" priority="13">
      <formula>LEN(TRIM(B189))=0</formula>
    </cfRule>
  </conditionalFormatting>
  <conditionalFormatting sqref="B190:C190">
    <cfRule type="containsBlanks" dxfId="154" priority="12">
      <formula>LEN(TRIM(B190))=0</formula>
    </cfRule>
  </conditionalFormatting>
  <conditionalFormatting sqref="H187:I187">
    <cfRule type="containsBlanks" dxfId="153" priority="11">
      <formula>LEN(TRIM(H187))=0</formula>
    </cfRule>
  </conditionalFormatting>
  <conditionalFormatting sqref="H188:I188">
    <cfRule type="containsBlanks" dxfId="152" priority="10">
      <formula>LEN(TRIM(H188))=0</formula>
    </cfRule>
  </conditionalFormatting>
  <conditionalFormatting sqref="C180:D182">
    <cfRule type="containsBlanks" dxfId="151" priority="9">
      <formula>LEN(TRIM(C180))=0</formula>
    </cfRule>
  </conditionalFormatting>
  <conditionalFormatting sqref="C184:D186">
    <cfRule type="containsBlanks" dxfId="150" priority="8">
      <formula>LEN(TRIM(C184))=0</formula>
    </cfRule>
  </conditionalFormatting>
  <conditionalFormatting sqref="J15:J19">
    <cfRule type="cellIs" dxfId="149" priority="7" operator="greaterThan">
      <formula>2560820</formula>
    </cfRule>
  </conditionalFormatting>
  <conditionalFormatting sqref="B31:C31">
    <cfRule type="containsBlanks" dxfId="148" priority="6">
      <formula>LEN(TRIM(B31))=0</formula>
    </cfRule>
  </conditionalFormatting>
  <conditionalFormatting sqref="B32:C32">
    <cfRule type="containsBlanks" dxfId="147" priority="5">
      <formula>LEN(TRIM(B32))=0</formula>
    </cfRule>
  </conditionalFormatting>
  <conditionalFormatting sqref="H29:I29">
    <cfRule type="containsBlanks" dxfId="146" priority="4">
      <formula>LEN(TRIM(H29))=0</formula>
    </cfRule>
  </conditionalFormatting>
  <conditionalFormatting sqref="H30:I30">
    <cfRule type="containsBlanks" dxfId="145" priority="3">
      <formula>LEN(TRIM(H30))=0</formula>
    </cfRule>
  </conditionalFormatting>
  <conditionalFormatting sqref="C22:D24">
    <cfRule type="containsBlanks" dxfId="144" priority="2">
      <formula>LEN(TRIM(C22))=0</formula>
    </cfRule>
  </conditionalFormatting>
  <conditionalFormatting sqref="C26:D28">
    <cfRule type="containsBlanks" dxfId="14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53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55" t="s">
        <v>154</v>
      </c>
      <c r="C8" s="153" t="s">
        <v>155</v>
      </c>
      <c r="D8" s="155" t="s">
        <v>154</v>
      </c>
      <c r="E8" s="198" t="s">
        <v>65</v>
      </c>
      <c r="F8" s="200" t="s">
        <v>70</v>
      </c>
      <c r="G8" s="165" t="s">
        <v>68</v>
      </c>
      <c r="H8" s="197" t="s">
        <v>156</v>
      </c>
      <c r="I8" s="151">
        <v>660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57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42" priority="13">
      <formula>LEN(TRIM(B189))=0</formula>
    </cfRule>
  </conditionalFormatting>
  <conditionalFormatting sqref="B190:C190">
    <cfRule type="containsBlanks" dxfId="141" priority="12">
      <formula>LEN(TRIM(B190))=0</formula>
    </cfRule>
  </conditionalFormatting>
  <conditionalFormatting sqref="H187:I187">
    <cfRule type="containsBlanks" dxfId="140" priority="11">
      <formula>LEN(TRIM(H187))=0</formula>
    </cfRule>
  </conditionalFormatting>
  <conditionalFormatting sqref="H188:I188">
    <cfRule type="containsBlanks" dxfId="139" priority="10">
      <formula>LEN(TRIM(H188))=0</formula>
    </cfRule>
  </conditionalFormatting>
  <conditionalFormatting sqref="C180:D182">
    <cfRule type="containsBlanks" dxfId="138" priority="9">
      <formula>LEN(TRIM(C180))=0</formula>
    </cfRule>
  </conditionalFormatting>
  <conditionalFormatting sqref="C184:D186">
    <cfRule type="containsBlanks" dxfId="137" priority="8">
      <formula>LEN(TRIM(C184))=0</formula>
    </cfRule>
  </conditionalFormatting>
  <conditionalFormatting sqref="J15:J19">
    <cfRule type="cellIs" dxfId="136" priority="7" operator="greaterThan">
      <formula>2560820</formula>
    </cfRule>
  </conditionalFormatting>
  <conditionalFormatting sqref="B31:C31">
    <cfRule type="containsBlanks" dxfId="135" priority="6">
      <formula>LEN(TRIM(B31))=0</formula>
    </cfRule>
  </conditionalFormatting>
  <conditionalFormatting sqref="B32:C32">
    <cfRule type="containsBlanks" dxfId="134" priority="5">
      <formula>LEN(TRIM(B32))=0</formula>
    </cfRule>
  </conditionalFormatting>
  <conditionalFormatting sqref="H29:I29">
    <cfRule type="containsBlanks" dxfId="133" priority="4">
      <formula>LEN(TRIM(H29))=0</formula>
    </cfRule>
  </conditionalFormatting>
  <conditionalFormatting sqref="H30:I30">
    <cfRule type="containsBlanks" dxfId="132" priority="3">
      <formula>LEN(TRIM(H30))=0</formula>
    </cfRule>
  </conditionalFormatting>
  <conditionalFormatting sqref="C22:D24">
    <cfRule type="containsBlanks" dxfId="131" priority="2">
      <formula>LEN(TRIM(C22))=0</formula>
    </cfRule>
  </conditionalFormatting>
  <conditionalFormatting sqref="C26:D28">
    <cfRule type="containsBlanks" dxfId="130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6" fitToHeight="0" orientation="landscape" r:id="rId1"/>
  <headerFooter alignWithMargins="0">
    <oddFooter>&amp;C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topLeftCell="A4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58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239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240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64" t="s">
        <v>154</v>
      </c>
      <c r="C8" s="153" t="s">
        <v>155</v>
      </c>
      <c r="D8" s="155" t="s">
        <v>154</v>
      </c>
      <c r="E8" s="160" t="s">
        <v>65</v>
      </c>
      <c r="F8" s="163" t="s">
        <v>102</v>
      </c>
      <c r="G8" s="161" t="s">
        <v>68</v>
      </c>
      <c r="H8" s="179" t="s">
        <v>108</v>
      </c>
      <c r="I8" s="151">
        <v>10494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57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3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I5:I6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29" priority="13">
      <formula>LEN(TRIM(B189))=0</formula>
    </cfRule>
  </conditionalFormatting>
  <conditionalFormatting sqref="B190:C190">
    <cfRule type="containsBlanks" dxfId="128" priority="12">
      <formula>LEN(TRIM(B190))=0</formula>
    </cfRule>
  </conditionalFormatting>
  <conditionalFormatting sqref="H187:I187">
    <cfRule type="containsBlanks" dxfId="127" priority="11">
      <formula>LEN(TRIM(H187))=0</formula>
    </cfRule>
  </conditionalFormatting>
  <conditionalFormatting sqref="H188:I188">
    <cfRule type="containsBlanks" dxfId="126" priority="10">
      <formula>LEN(TRIM(H188))=0</formula>
    </cfRule>
  </conditionalFormatting>
  <conditionalFormatting sqref="C180:D182">
    <cfRule type="containsBlanks" dxfId="125" priority="9">
      <formula>LEN(TRIM(C180))=0</formula>
    </cfRule>
  </conditionalFormatting>
  <conditionalFormatting sqref="C184:D186">
    <cfRule type="containsBlanks" dxfId="124" priority="8">
      <formula>LEN(TRIM(C184))=0</formula>
    </cfRule>
  </conditionalFormatting>
  <conditionalFormatting sqref="J15:J19">
    <cfRule type="cellIs" dxfId="123" priority="7" operator="greaterThan">
      <formula>2560820</formula>
    </cfRule>
  </conditionalFormatting>
  <conditionalFormatting sqref="B31:C31">
    <cfRule type="containsBlanks" dxfId="122" priority="6">
      <formula>LEN(TRIM(B31))=0</formula>
    </cfRule>
  </conditionalFormatting>
  <conditionalFormatting sqref="B32:C32">
    <cfRule type="containsBlanks" dxfId="121" priority="5">
      <formula>LEN(TRIM(B32))=0</formula>
    </cfRule>
  </conditionalFormatting>
  <conditionalFormatting sqref="H29:I29">
    <cfRule type="containsBlanks" dxfId="120" priority="4">
      <formula>LEN(TRIM(H29))=0</formula>
    </cfRule>
  </conditionalFormatting>
  <conditionalFormatting sqref="H30:I30">
    <cfRule type="containsBlanks" dxfId="119" priority="3">
      <formula>LEN(TRIM(H30))=0</formula>
    </cfRule>
  </conditionalFormatting>
  <conditionalFormatting sqref="C22:D24">
    <cfRule type="containsBlanks" dxfId="118" priority="2">
      <formula>LEN(TRIM(C22))=0</formula>
    </cfRule>
  </conditionalFormatting>
  <conditionalFormatting sqref="C26:D28">
    <cfRule type="containsBlanks" dxfId="117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5" fitToHeight="0" orientation="landscape" r:id="rId1"/>
  <headerFooter alignWithMargins="0">
    <oddFooter>&amp;C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140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59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80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2" t="s">
        <v>0</v>
      </c>
      <c r="B8" s="164" t="s">
        <v>161</v>
      </c>
      <c r="C8" s="202" t="s">
        <v>163</v>
      </c>
      <c r="D8" s="158" t="s">
        <v>162</v>
      </c>
      <c r="E8" s="198" t="s">
        <v>65</v>
      </c>
      <c r="F8" s="204" t="s">
        <v>164</v>
      </c>
      <c r="G8" s="174" t="s">
        <v>68</v>
      </c>
      <c r="H8" s="201" t="s">
        <v>75</v>
      </c>
      <c r="I8" s="151">
        <v>12546</v>
      </c>
      <c r="J8" s="191"/>
      <c r="K8" s="119"/>
      <c r="L8" s="120">
        <f>J8+(J8*K8)</f>
        <v>0</v>
      </c>
      <c r="M8" s="121">
        <f>I8*J8</f>
        <v>0</v>
      </c>
      <c r="N8" s="122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50" t="s">
        <v>35</v>
      </c>
      <c r="M9" s="176">
        <f>SUM(M8)</f>
        <v>0</v>
      </c>
      <c r="N9" s="177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53" t="s">
        <v>160</v>
      </c>
      <c r="B11" s="253"/>
      <c r="C11" s="253"/>
      <c r="D11" s="253"/>
      <c r="E11" s="253"/>
      <c r="F11" s="253"/>
      <c r="G11" s="253"/>
      <c r="H11" s="253"/>
      <c r="I11" s="253"/>
      <c r="J11" s="253"/>
      <c r="K11" s="253"/>
      <c r="L11" s="253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16" priority="13">
      <formula>LEN(TRIM(B189))=0</formula>
    </cfRule>
  </conditionalFormatting>
  <conditionalFormatting sqref="B190:C190">
    <cfRule type="containsBlanks" dxfId="115" priority="12">
      <formula>LEN(TRIM(B190))=0</formula>
    </cfRule>
  </conditionalFormatting>
  <conditionalFormatting sqref="H187:I187">
    <cfRule type="containsBlanks" dxfId="114" priority="11">
      <formula>LEN(TRIM(H187))=0</formula>
    </cfRule>
  </conditionalFormatting>
  <conditionalFormatting sqref="H188:I188">
    <cfRule type="containsBlanks" dxfId="113" priority="10">
      <formula>LEN(TRIM(H188))=0</formula>
    </cfRule>
  </conditionalFormatting>
  <conditionalFormatting sqref="C180:D182">
    <cfRule type="containsBlanks" dxfId="112" priority="9">
      <formula>LEN(TRIM(C180))=0</formula>
    </cfRule>
  </conditionalFormatting>
  <conditionalFormatting sqref="C184:D186">
    <cfRule type="containsBlanks" dxfId="111" priority="8">
      <formula>LEN(TRIM(C184))=0</formula>
    </cfRule>
  </conditionalFormatting>
  <conditionalFormatting sqref="J15:J19">
    <cfRule type="cellIs" dxfId="110" priority="7" operator="greaterThan">
      <formula>2560820</formula>
    </cfRule>
  </conditionalFormatting>
  <conditionalFormatting sqref="B31:C31">
    <cfRule type="containsBlanks" dxfId="109" priority="6">
      <formula>LEN(TRIM(B31))=0</formula>
    </cfRule>
  </conditionalFormatting>
  <conditionalFormatting sqref="B32:C32">
    <cfRule type="containsBlanks" dxfId="108" priority="5">
      <formula>LEN(TRIM(B32))=0</formula>
    </cfRule>
  </conditionalFormatting>
  <conditionalFormatting sqref="H29:I29">
    <cfRule type="containsBlanks" dxfId="107" priority="4">
      <formula>LEN(TRIM(H29))=0</formula>
    </cfRule>
  </conditionalFormatting>
  <conditionalFormatting sqref="H30:I30">
    <cfRule type="containsBlanks" dxfId="106" priority="3">
      <formula>LEN(TRIM(H30))=0</formula>
    </cfRule>
  </conditionalFormatting>
  <conditionalFormatting sqref="C22:D24">
    <cfRule type="containsBlanks" dxfId="105" priority="2">
      <formula>LEN(TRIM(C22))=0</formula>
    </cfRule>
  </conditionalFormatting>
  <conditionalFormatting sqref="C26:D28">
    <cfRule type="containsBlanks" dxfId="104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6" fitToHeight="0" orientation="landscape" r:id="rId1"/>
  <headerFooter alignWithMargins="0">
    <oddFooter>&amp;C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0.425781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65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64" t="s">
        <v>167</v>
      </c>
      <c r="C8" s="202" t="s">
        <v>169</v>
      </c>
      <c r="D8" s="173" t="s">
        <v>168</v>
      </c>
      <c r="E8" s="200" t="s">
        <v>65</v>
      </c>
      <c r="F8" s="198" t="s">
        <v>170</v>
      </c>
      <c r="G8" s="161" t="s">
        <v>68</v>
      </c>
      <c r="H8" s="201" t="s">
        <v>91</v>
      </c>
      <c r="I8" s="151">
        <v>6006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66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103" priority="13">
      <formula>LEN(TRIM(B189))=0</formula>
    </cfRule>
  </conditionalFormatting>
  <conditionalFormatting sqref="B190:C190">
    <cfRule type="containsBlanks" dxfId="102" priority="12">
      <formula>LEN(TRIM(B190))=0</formula>
    </cfRule>
  </conditionalFormatting>
  <conditionalFormatting sqref="H187:I187">
    <cfRule type="containsBlanks" dxfId="101" priority="11">
      <formula>LEN(TRIM(H187))=0</formula>
    </cfRule>
  </conditionalFormatting>
  <conditionalFormatting sqref="H188:I188">
    <cfRule type="containsBlanks" dxfId="100" priority="10">
      <formula>LEN(TRIM(H188))=0</formula>
    </cfRule>
  </conditionalFormatting>
  <conditionalFormatting sqref="C180:D182">
    <cfRule type="containsBlanks" dxfId="99" priority="9">
      <formula>LEN(TRIM(C180))=0</formula>
    </cfRule>
  </conditionalFormatting>
  <conditionalFormatting sqref="C184:D186">
    <cfRule type="containsBlanks" dxfId="98" priority="8">
      <formula>LEN(TRIM(C184))=0</formula>
    </cfRule>
  </conditionalFormatting>
  <conditionalFormatting sqref="J15:J19">
    <cfRule type="cellIs" dxfId="97" priority="7" operator="greaterThan">
      <formula>2560820</formula>
    </cfRule>
  </conditionalFormatting>
  <conditionalFormatting sqref="B31:C31">
    <cfRule type="containsBlanks" dxfId="96" priority="6">
      <formula>LEN(TRIM(B31))=0</formula>
    </cfRule>
  </conditionalFormatting>
  <conditionalFormatting sqref="B32:C32">
    <cfRule type="containsBlanks" dxfId="95" priority="5">
      <formula>LEN(TRIM(B32))=0</formula>
    </cfRule>
  </conditionalFormatting>
  <conditionalFormatting sqref="H29:I29">
    <cfRule type="containsBlanks" dxfId="94" priority="4">
      <formula>LEN(TRIM(H29))=0</formula>
    </cfRule>
  </conditionalFormatting>
  <conditionalFormatting sqref="H30:I30">
    <cfRule type="containsBlanks" dxfId="93" priority="3">
      <formula>LEN(TRIM(H30))=0</formula>
    </cfRule>
  </conditionalFormatting>
  <conditionalFormatting sqref="C22:D24">
    <cfRule type="containsBlanks" dxfId="92" priority="2">
      <formula>LEN(TRIM(C22))=0</formula>
    </cfRule>
  </conditionalFormatting>
  <conditionalFormatting sqref="C26:D28">
    <cfRule type="containsBlanks" dxfId="91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8" fitToHeight="0" orientation="landscape" r:id="rId1"/>
  <headerFooter alignWithMargins="0">
    <oddFooter>&amp;C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71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6" t="s">
        <v>0</v>
      </c>
      <c r="B8" s="158" t="s">
        <v>173</v>
      </c>
      <c r="C8" s="196" t="s">
        <v>174</v>
      </c>
      <c r="D8" s="172" t="s">
        <v>173</v>
      </c>
      <c r="E8" s="200" t="s">
        <v>65</v>
      </c>
      <c r="F8" s="200" t="s">
        <v>67</v>
      </c>
      <c r="G8" s="165" t="s">
        <v>68</v>
      </c>
      <c r="H8" s="201" t="s">
        <v>75</v>
      </c>
      <c r="I8" s="151">
        <v>396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72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90" priority="13">
      <formula>LEN(TRIM(B189))=0</formula>
    </cfRule>
  </conditionalFormatting>
  <conditionalFormatting sqref="B190:C190">
    <cfRule type="containsBlanks" dxfId="89" priority="12">
      <formula>LEN(TRIM(B190))=0</formula>
    </cfRule>
  </conditionalFormatting>
  <conditionalFormatting sqref="H187:I187">
    <cfRule type="containsBlanks" dxfId="88" priority="11">
      <formula>LEN(TRIM(H187))=0</formula>
    </cfRule>
  </conditionalFormatting>
  <conditionalFormatting sqref="H188:I188">
    <cfRule type="containsBlanks" dxfId="87" priority="10">
      <formula>LEN(TRIM(H188))=0</formula>
    </cfRule>
  </conditionalFormatting>
  <conditionalFormatting sqref="C180:D182">
    <cfRule type="containsBlanks" dxfId="86" priority="9">
      <formula>LEN(TRIM(C180))=0</formula>
    </cfRule>
  </conditionalFormatting>
  <conditionalFormatting sqref="C184:D186">
    <cfRule type="containsBlanks" dxfId="85" priority="8">
      <formula>LEN(TRIM(C184))=0</formula>
    </cfRule>
  </conditionalFormatting>
  <conditionalFormatting sqref="J15:J19">
    <cfRule type="cellIs" dxfId="84" priority="7" operator="greaterThan">
      <formula>2560820</formula>
    </cfRule>
  </conditionalFormatting>
  <conditionalFormatting sqref="B31:C31">
    <cfRule type="containsBlanks" dxfId="83" priority="6">
      <formula>LEN(TRIM(B31))=0</formula>
    </cfRule>
  </conditionalFormatting>
  <conditionalFormatting sqref="B32:C32">
    <cfRule type="containsBlanks" dxfId="82" priority="5">
      <formula>LEN(TRIM(B32))=0</formula>
    </cfRule>
  </conditionalFormatting>
  <conditionalFormatting sqref="H29:I29">
    <cfRule type="containsBlanks" dxfId="81" priority="4">
      <formula>LEN(TRIM(H29))=0</formula>
    </cfRule>
  </conditionalFormatting>
  <conditionalFormatting sqref="H30:I30">
    <cfRule type="containsBlanks" dxfId="80" priority="3">
      <formula>LEN(TRIM(H30))=0</formula>
    </cfRule>
  </conditionalFormatting>
  <conditionalFormatting sqref="C22:D24">
    <cfRule type="containsBlanks" dxfId="79" priority="2">
      <formula>LEN(TRIM(C22))=0</formula>
    </cfRule>
  </conditionalFormatting>
  <conditionalFormatting sqref="C26:D28">
    <cfRule type="containsBlanks" dxfId="78" priority="1">
      <formula>LEN(TRIM(C26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5" fitToHeight="0" orientation="landscape" r:id="rId1"/>
  <headerFooter alignWithMargins="0">
    <oddFooter>&amp;C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3.28515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1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75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64" t="s">
        <v>176</v>
      </c>
      <c r="C8" s="196" t="s">
        <v>178</v>
      </c>
      <c r="D8" s="173" t="s">
        <v>176</v>
      </c>
      <c r="E8" s="200" t="s">
        <v>65</v>
      </c>
      <c r="F8" s="200" t="s">
        <v>102</v>
      </c>
      <c r="G8" s="161" t="s">
        <v>68</v>
      </c>
      <c r="H8" s="201" t="s">
        <v>75</v>
      </c>
      <c r="I8" s="151">
        <v>6787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77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17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77" priority="13">
      <formula>LEN(TRIM(B189))=0</formula>
    </cfRule>
  </conditionalFormatting>
  <conditionalFormatting sqref="B190:C190">
    <cfRule type="containsBlanks" dxfId="76" priority="12">
      <formula>LEN(TRIM(B190))=0</formula>
    </cfRule>
  </conditionalFormatting>
  <conditionalFormatting sqref="H187:I187">
    <cfRule type="containsBlanks" dxfId="75" priority="11">
      <formula>LEN(TRIM(H187))=0</formula>
    </cfRule>
  </conditionalFormatting>
  <conditionalFormatting sqref="H188:I188">
    <cfRule type="containsBlanks" dxfId="74" priority="10">
      <formula>LEN(TRIM(H188))=0</formula>
    </cfRule>
  </conditionalFormatting>
  <conditionalFormatting sqref="C180:D182">
    <cfRule type="containsBlanks" dxfId="73" priority="9">
      <formula>LEN(TRIM(C180))=0</formula>
    </cfRule>
  </conditionalFormatting>
  <conditionalFormatting sqref="C184:D186">
    <cfRule type="containsBlanks" dxfId="72" priority="8">
      <formula>LEN(TRIM(C184))=0</formula>
    </cfRule>
  </conditionalFormatting>
  <conditionalFormatting sqref="J15:J19">
    <cfRule type="cellIs" dxfId="71" priority="7" operator="greaterThan">
      <formula>2560820</formula>
    </cfRule>
  </conditionalFormatting>
  <conditionalFormatting sqref="B31:C31">
    <cfRule type="containsBlanks" dxfId="70" priority="6">
      <formula>LEN(TRIM(B31))=0</formula>
    </cfRule>
  </conditionalFormatting>
  <conditionalFormatting sqref="B32:C32">
    <cfRule type="containsBlanks" dxfId="69" priority="5">
      <formula>LEN(TRIM(B32))=0</formula>
    </cfRule>
  </conditionalFormatting>
  <conditionalFormatting sqref="H29:I29">
    <cfRule type="containsBlanks" dxfId="68" priority="4">
      <formula>LEN(TRIM(H29))=0</formula>
    </cfRule>
  </conditionalFormatting>
  <conditionalFormatting sqref="H30:I30">
    <cfRule type="containsBlanks" dxfId="67" priority="3">
      <formula>LEN(TRIM(H30))=0</formula>
    </cfRule>
  </conditionalFormatting>
  <conditionalFormatting sqref="C22:D24">
    <cfRule type="containsBlanks" dxfId="66" priority="2">
      <formula>LEN(TRIM(C22))=0</formula>
    </cfRule>
  </conditionalFormatting>
  <conditionalFormatting sqref="C26:D28">
    <cfRule type="containsBlanks" dxfId="6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Y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0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9" width="14.7109375" style="5" customWidth="1"/>
    <col min="10" max="10" width="12.28515625" style="5" customWidth="1"/>
    <col min="11" max="11" width="9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2" s="29" customFormat="1" ht="20.100000000000001" customHeight="1" x14ac:dyDescent="0.2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  <c r="T1" s="4"/>
      <c r="U1" s="4"/>
      <c r="V1" s="52"/>
    </row>
    <row r="2" spans="1:22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241" t="s">
        <v>85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2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2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22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22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2" s="57" customFormat="1" ht="58.5" customHeight="1" thickBot="1" x14ac:dyDescent="0.3">
      <c r="A8" s="113" t="s">
        <v>0</v>
      </c>
      <c r="B8" s="114" t="s">
        <v>87</v>
      </c>
      <c r="C8" s="196" t="s">
        <v>88</v>
      </c>
      <c r="D8" s="116" t="s">
        <v>89</v>
      </c>
      <c r="E8" s="117" t="s">
        <v>65</v>
      </c>
      <c r="F8" s="118" t="s">
        <v>90</v>
      </c>
      <c r="G8" s="118" t="s">
        <v>68</v>
      </c>
      <c r="H8" s="118" t="s">
        <v>91</v>
      </c>
      <c r="I8" s="254">
        <v>45771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22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2" s="70" customFormat="1" ht="30" customHeight="1" x14ac:dyDescent="0.25">
      <c r="A10" s="249" t="s">
        <v>46</v>
      </c>
      <c r="B10" s="249"/>
      <c r="C10" s="249"/>
      <c r="D10" s="249"/>
      <c r="E10" s="249"/>
      <c r="F10" s="249"/>
      <c r="G10" s="249"/>
      <c r="H10" s="249"/>
      <c r="I10" s="249"/>
      <c r="J10" s="249"/>
      <c r="K10" s="249"/>
      <c r="L10" s="249"/>
      <c r="M10" s="249"/>
      <c r="N10" s="249"/>
      <c r="O10" s="249"/>
      <c r="P10" s="249"/>
      <c r="Q10" s="249"/>
      <c r="R10" s="249"/>
      <c r="S10" s="249"/>
      <c r="T10" s="249"/>
      <c r="U10" s="249"/>
    </row>
    <row r="11" spans="1:22" s="71" customFormat="1" ht="30" customHeight="1" x14ac:dyDescent="0.25">
      <c r="A11" s="215" t="s">
        <v>86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2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2" s="72" customFormat="1" ht="24.95" customHeight="1" x14ac:dyDescent="0.2">
      <c r="A13" s="217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2" s="148" customFormat="1" ht="12" customHeight="1" x14ac:dyDescent="0.25">
      <c r="A14" s="133" t="s">
        <v>0</v>
      </c>
      <c r="B14" s="134" t="s">
        <v>11</v>
      </c>
      <c r="C14" s="135" t="s">
        <v>12</v>
      </c>
      <c r="D14" s="134" t="s">
        <v>13</v>
      </c>
      <c r="E14" s="136" t="s">
        <v>14</v>
      </c>
      <c r="F14" s="136" t="s">
        <v>15</v>
      </c>
      <c r="G14" s="137" t="s">
        <v>16</v>
      </c>
      <c r="H14" s="136" t="s">
        <v>17</v>
      </c>
      <c r="I14" s="138" t="s">
        <v>18</v>
      </c>
      <c r="J14" s="139" t="s">
        <v>27</v>
      </c>
      <c r="K14" s="140" t="s">
        <v>28</v>
      </c>
      <c r="L14" s="141" t="s">
        <v>29</v>
      </c>
      <c r="M14" s="142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  <c r="T14" s="147"/>
    </row>
    <row r="15" spans="1:22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111"/>
      <c r="K15" s="89"/>
      <c r="L15" s="90"/>
      <c r="M15" s="91"/>
      <c r="N15" s="187"/>
      <c r="O15" s="92"/>
      <c r="P15" s="189"/>
      <c r="Q15" s="187"/>
      <c r="R15" s="92"/>
      <c r="S15" s="189"/>
    </row>
    <row r="16" spans="1:22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111"/>
      <c r="K16" s="96"/>
      <c r="L16" s="97"/>
      <c r="M16" s="98"/>
      <c r="N16" s="187"/>
      <c r="O16" s="92"/>
      <c r="P16" s="189"/>
      <c r="Q16" s="187"/>
      <c r="R16" s="92"/>
      <c r="S16" s="189"/>
    </row>
    <row r="17" spans="1:25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111"/>
      <c r="K17" s="96"/>
      <c r="L17" s="97"/>
      <c r="M17" s="98"/>
      <c r="N17" s="187"/>
      <c r="O17" s="92"/>
      <c r="P17" s="189"/>
      <c r="Q17" s="187"/>
      <c r="R17" s="92"/>
      <c r="S17" s="189"/>
    </row>
    <row r="18" spans="1:25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111"/>
      <c r="K18" s="96"/>
      <c r="L18" s="97"/>
      <c r="M18" s="98"/>
      <c r="N18" s="187"/>
      <c r="O18" s="92"/>
      <c r="P18" s="189"/>
      <c r="Q18" s="187"/>
      <c r="R18" s="92"/>
      <c r="S18" s="189"/>
    </row>
    <row r="19" spans="1:25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112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25" s="31" customFormat="1" ht="24.95" customHeight="1" x14ac:dyDescent="0.25">
      <c r="A20" s="222"/>
      <c r="B20" s="221"/>
    </row>
    <row r="21" spans="1:25" s="31" customFormat="1" ht="22.5" customHeight="1" x14ac:dyDescent="0.25">
      <c r="A21" s="47"/>
      <c r="B21" s="47"/>
      <c r="Y21" s="31" t="s">
        <v>66</v>
      </c>
    </row>
    <row r="22" spans="1:25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25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25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25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25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25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25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2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25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25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25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51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51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51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51" x14ac:dyDescent="0.2">
      <c r="A36" s="60"/>
      <c r="B36" s="49" t="s">
        <v>10</v>
      </c>
    </row>
    <row r="37" spans="1:51" s="31" customFormat="1" ht="22.5" customHeight="1" x14ac:dyDescent="0.25">
      <c r="A37" s="47"/>
      <c r="B37" s="47"/>
    </row>
    <row r="38" spans="1:51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</row>
    <row r="39" spans="1:51" s="32" customFormat="1" ht="28.5" customHeight="1" x14ac:dyDescent="0.25">
      <c r="A39" s="48"/>
      <c r="B39" s="48"/>
    </row>
    <row r="40" spans="1:51" s="32" customFormat="1" ht="28.5" customHeight="1" x14ac:dyDescent="0.25">
      <c r="A40" s="48"/>
      <c r="B40" s="48"/>
      <c r="C40" s="63"/>
      <c r="D40" s="63"/>
    </row>
    <row r="41" spans="1:51" s="32" customFormat="1" ht="28.5" customHeight="1" x14ac:dyDescent="0.25">
      <c r="A41" s="48"/>
      <c r="B41" s="48"/>
      <c r="C41" s="63"/>
      <c r="D41" s="63"/>
    </row>
    <row r="42" spans="1:51" s="32" customFormat="1" ht="16.5" customHeight="1" x14ac:dyDescent="0.25">
      <c r="A42" s="48"/>
      <c r="B42" s="48"/>
      <c r="C42" s="63"/>
      <c r="D42" s="63"/>
    </row>
    <row r="43" spans="1:51" s="37" customFormat="1" ht="18" customHeight="1" x14ac:dyDescent="0.25"/>
    <row r="44" spans="1:51" s="31" customFormat="1" ht="33" customHeight="1" x14ac:dyDescent="0.25">
      <c r="A44" s="221"/>
      <c r="B44" s="221"/>
    </row>
    <row r="45" spans="1:51" s="31" customFormat="1" ht="22.5" customHeight="1" x14ac:dyDescent="0.25">
      <c r="A45" s="47"/>
      <c r="B45" s="47"/>
    </row>
    <row r="46" spans="1:51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  <c r="AX46" s="38"/>
      <c r="AY46" s="38"/>
    </row>
    <row r="47" spans="1:51" s="32" customFormat="1" ht="28.5" customHeight="1" x14ac:dyDescent="0.25">
      <c r="A47" s="48"/>
      <c r="B47" s="48"/>
    </row>
    <row r="48" spans="1:51" s="32" customFormat="1" ht="28.5" customHeight="1" x14ac:dyDescent="0.25">
      <c r="A48" s="48"/>
      <c r="B48" s="48"/>
      <c r="C48" s="63"/>
      <c r="D48" s="63"/>
    </row>
    <row r="49" spans="1:51" s="32" customFormat="1" ht="28.5" customHeight="1" x14ac:dyDescent="0.25">
      <c r="A49" s="48"/>
      <c r="B49" s="48"/>
      <c r="C49" s="63"/>
      <c r="D49" s="63"/>
    </row>
    <row r="50" spans="1:51" s="32" customFormat="1" ht="16.5" customHeight="1" x14ac:dyDescent="0.25">
      <c r="A50" s="48"/>
      <c r="B50" s="48"/>
      <c r="C50" s="63"/>
      <c r="D50" s="63"/>
    </row>
    <row r="51" spans="1:51" s="37" customFormat="1" ht="18" customHeight="1" x14ac:dyDescent="0.25"/>
    <row r="52" spans="1:51" s="31" customFormat="1" ht="33" customHeight="1" x14ac:dyDescent="0.25">
      <c r="A52" s="221"/>
      <c r="B52" s="221"/>
    </row>
    <row r="53" spans="1:51" s="31" customFormat="1" ht="22.5" customHeight="1" x14ac:dyDescent="0.25">
      <c r="A53" s="47"/>
      <c r="B53" s="47"/>
    </row>
    <row r="54" spans="1:51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  <c r="AX54" s="38"/>
      <c r="AY54" s="38"/>
    </row>
    <row r="55" spans="1:51" s="32" customFormat="1" ht="28.5" customHeight="1" x14ac:dyDescent="0.25">
      <c r="A55" s="48"/>
      <c r="B55" s="48"/>
    </row>
    <row r="56" spans="1:51" s="32" customFormat="1" ht="28.5" customHeight="1" x14ac:dyDescent="0.25">
      <c r="A56" s="48"/>
      <c r="B56" s="48"/>
      <c r="C56" s="63"/>
      <c r="D56" s="63"/>
    </row>
    <row r="57" spans="1:51" s="32" customFormat="1" ht="28.5" customHeight="1" x14ac:dyDescent="0.25">
      <c r="A57" s="48"/>
      <c r="B57" s="48"/>
      <c r="C57" s="63"/>
      <c r="D57" s="63"/>
    </row>
    <row r="58" spans="1:51" s="32" customFormat="1" ht="16.5" customHeight="1" x14ac:dyDescent="0.25">
      <c r="A58" s="48"/>
      <c r="B58" s="48"/>
      <c r="C58" s="63"/>
      <c r="D58" s="63"/>
    </row>
    <row r="59" spans="1:51" s="37" customFormat="1" ht="18" customHeight="1" x14ac:dyDescent="0.25"/>
    <row r="60" spans="1:51" s="31" customFormat="1" ht="33" customHeight="1" x14ac:dyDescent="0.25">
      <c r="A60" s="221"/>
      <c r="B60" s="221"/>
    </row>
    <row r="61" spans="1:51" s="31" customFormat="1" ht="22.5" customHeight="1" x14ac:dyDescent="0.25">
      <c r="A61" s="47"/>
      <c r="B61" s="47"/>
    </row>
    <row r="62" spans="1:51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  <c r="AX62" s="38"/>
      <c r="AY62" s="38"/>
    </row>
    <row r="63" spans="1:51" s="32" customFormat="1" ht="28.5" customHeight="1" x14ac:dyDescent="0.25">
      <c r="A63" s="48"/>
      <c r="B63" s="48"/>
    </row>
    <row r="64" spans="1:51" s="32" customFormat="1" ht="28.5" customHeight="1" x14ac:dyDescent="0.25">
      <c r="A64" s="48"/>
      <c r="B64" s="48"/>
      <c r="C64" s="63"/>
      <c r="D64" s="63"/>
    </row>
    <row r="65" spans="1:51" s="32" customFormat="1" ht="28.5" customHeight="1" x14ac:dyDescent="0.25">
      <c r="A65" s="48"/>
      <c r="B65" s="48"/>
      <c r="C65" s="63"/>
      <c r="D65" s="63"/>
    </row>
    <row r="66" spans="1:51" s="32" customFormat="1" ht="16.5" customHeight="1" x14ac:dyDescent="0.25">
      <c r="A66" s="48"/>
      <c r="B66" s="48"/>
      <c r="C66" s="63"/>
      <c r="D66" s="63"/>
    </row>
    <row r="67" spans="1:51" s="37" customFormat="1" ht="18" customHeight="1" x14ac:dyDescent="0.25"/>
    <row r="68" spans="1:51" s="31" customFormat="1" ht="33" customHeight="1" x14ac:dyDescent="0.25">
      <c r="A68" s="221"/>
      <c r="B68" s="221"/>
    </row>
    <row r="69" spans="1:51" s="31" customFormat="1" ht="22.5" customHeight="1" x14ac:dyDescent="0.25">
      <c r="A69" s="47"/>
      <c r="B69" s="47"/>
    </row>
    <row r="70" spans="1:51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  <c r="AX70" s="38"/>
      <c r="AY70" s="38"/>
    </row>
    <row r="71" spans="1:51" s="32" customFormat="1" ht="28.5" customHeight="1" x14ac:dyDescent="0.25">
      <c r="A71" s="48"/>
      <c r="B71" s="48"/>
    </row>
    <row r="72" spans="1:51" s="32" customFormat="1" ht="28.5" customHeight="1" x14ac:dyDescent="0.25">
      <c r="A72" s="48"/>
      <c r="B72" s="48"/>
      <c r="C72" s="63"/>
      <c r="D72" s="63"/>
    </row>
    <row r="73" spans="1:51" s="32" customFormat="1" ht="28.5" customHeight="1" x14ac:dyDescent="0.25">
      <c r="A73" s="48"/>
      <c r="B73" s="48"/>
      <c r="C73" s="63"/>
      <c r="D73" s="63"/>
    </row>
    <row r="74" spans="1:51" s="32" customFormat="1" ht="16.5" customHeight="1" x14ac:dyDescent="0.25">
      <c r="A74" s="48"/>
      <c r="B74" s="48"/>
      <c r="C74" s="63"/>
      <c r="D74" s="63"/>
    </row>
    <row r="75" spans="1:51" s="37" customFormat="1" ht="18" customHeight="1" x14ac:dyDescent="0.25"/>
    <row r="76" spans="1:51" s="31" customFormat="1" ht="33" customHeight="1" x14ac:dyDescent="0.25">
      <c r="A76" s="221"/>
      <c r="B76" s="221"/>
    </row>
    <row r="77" spans="1:51" s="31" customFormat="1" ht="22.5" customHeight="1" x14ac:dyDescent="0.25">
      <c r="A77" s="47"/>
      <c r="B77" s="47"/>
    </row>
    <row r="78" spans="1:51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  <c r="AX78" s="38"/>
      <c r="AY78" s="38"/>
    </row>
    <row r="79" spans="1:51" s="32" customFormat="1" ht="28.5" customHeight="1" x14ac:dyDescent="0.25">
      <c r="A79" s="48"/>
      <c r="B79" s="48"/>
    </row>
    <row r="80" spans="1:51" s="32" customFormat="1" ht="28.5" customHeight="1" x14ac:dyDescent="0.25">
      <c r="A80" s="48"/>
      <c r="B80" s="48"/>
      <c r="C80" s="63"/>
      <c r="D80" s="63"/>
    </row>
    <row r="81" spans="1:51" s="32" customFormat="1" ht="28.5" customHeight="1" x14ac:dyDescent="0.25">
      <c r="A81" s="48"/>
      <c r="B81" s="48"/>
      <c r="C81" s="63"/>
      <c r="D81" s="63"/>
    </row>
    <row r="82" spans="1:51" s="32" customFormat="1" ht="16.5" customHeight="1" x14ac:dyDescent="0.25">
      <c r="A82" s="48"/>
      <c r="B82" s="48"/>
      <c r="C82" s="63"/>
      <c r="D82" s="63"/>
    </row>
    <row r="83" spans="1:51" s="37" customFormat="1" ht="18" customHeight="1" x14ac:dyDescent="0.25"/>
    <row r="84" spans="1:51" s="31" customFormat="1" ht="33" customHeight="1" x14ac:dyDescent="0.25">
      <c r="A84" s="221"/>
      <c r="B84" s="221"/>
    </row>
    <row r="85" spans="1:51" s="31" customFormat="1" ht="22.5" customHeight="1" x14ac:dyDescent="0.25">
      <c r="A85" s="47"/>
      <c r="B85" s="47"/>
    </row>
    <row r="86" spans="1:51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  <c r="AX86" s="38"/>
      <c r="AY86" s="38"/>
    </row>
    <row r="87" spans="1:51" s="32" customFormat="1" ht="28.5" customHeight="1" x14ac:dyDescent="0.25">
      <c r="A87" s="48"/>
      <c r="B87" s="48"/>
    </row>
    <row r="88" spans="1:51" s="32" customFormat="1" ht="28.5" customHeight="1" x14ac:dyDescent="0.25">
      <c r="A88" s="48"/>
      <c r="B88" s="48"/>
      <c r="C88" s="63"/>
      <c r="D88" s="63"/>
    </row>
    <row r="89" spans="1:51" s="32" customFormat="1" ht="28.5" customHeight="1" x14ac:dyDescent="0.25">
      <c r="A89" s="48"/>
      <c r="B89" s="48"/>
      <c r="C89" s="63"/>
      <c r="D89" s="63"/>
    </row>
    <row r="90" spans="1:51" s="32" customFormat="1" ht="16.5" customHeight="1" x14ac:dyDescent="0.25">
      <c r="A90" s="48"/>
      <c r="B90" s="48"/>
      <c r="C90" s="63"/>
      <c r="D90" s="63"/>
    </row>
    <row r="91" spans="1:51" s="37" customFormat="1" ht="18" customHeight="1" x14ac:dyDescent="0.25"/>
    <row r="92" spans="1:51" s="31" customFormat="1" ht="33" customHeight="1" x14ac:dyDescent="0.25">
      <c r="A92" s="221"/>
      <c r="B92" s="221"/>
    </row>
    <row r="93" spans="1:51" s="31" customFormat="1" ht="22.5" customHeight="1" x14ac:dyDescent="0.25">
      <c r="A93" s="47"/>
      <c r="B93" s="47"/>
    </row>
    <row r="94" spans="1:51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  <c r="AX94" s="38"/>
      <c r="AY94" s="38"/>
    </row>
    <row r="95" spans="1:51" s="32" customFormat="1" ht="28.5" customHeight="1" x14ac:dyDescent="0.25">
      <c r="A95" s="48"/>
      <c r="B95" s="48"/>
    </row>
    <row r="96" spans="1:51" s="32" customFormat="1" ht="28.5" customHeight="1" x14ac:dyDescent="0.25">
      <c r="A96" s="48"/>
      <c r="B96" s="48"/>
      <c r="C96" s="63"/>
      <c r="D96" s="63"/>
    </row>
    <row r="97" spans="1:51" s="32" customFormat="1" ht="28.5" customHeight="1" x14ac:dyDescent="0.25">
      <c r="A97" s="48"/>
      <c r="B97" s="48"/>
      <c r="C97" s="63"/>
      <c r="D97" s="63"/>
    </row>
    <row r="98" spans="1:51" s="32" customFormat="1" ht="16.5" customHeight="1" x14ac:dyDescent="0.25">
      <c r="A98" s="48"/>
      <c r="B98" s="48"/>
      <c r="C98" s="63"/>
      <c r="D98" s="63"/>
    </row>
    <row r="99" spans="1:51" s="37" customFormat="1" ht="18" customHeight="1" x14ac:dyDescent="0.25"/>
    <row r="100" spans="1:51" s="31" customFormat="1" ht="33" customHeight="1" x14ac:dyDescent="0.25">
      <c r="A100" s="221"/>
      <c r="B100" s="221"/>
    </row>
    <row r="101" spans="1:51" s="31" customFormat="1" ht="22.5" customHeight="1" x14ac:dyDescent="0.25">
      <c r="A101" s="47"/>
      <c r="B101" s="47"/>
    </row>
    <row r="102" spans="1:51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  <c r="AX102" s="38"/>
      <c r="AY102" s="38"/>
    </row>
    <row r="103" spans="1:51" s="32" customFormat="1" ht="28.5" customHeight="1" x14ac:dyDescent="0.25">
      <c r="A103" s="48"/>
      <c r="B103" s="48"/>
    </row>
    <row r="104" spans="1:51" s="32" customFormat="1" ht="28.5" customHeight="1" x14ac:dyDescent="0.25">
      <c r="A104" s="48"/>
      <c r="B104" s="48"/>
      <c r="C104" s="63"/>
      <c r="D104" s="63"/>
    </row>
    <row r="105" spans="1:51" s="32" customFormat="1" ht="28.5" customHeight="1" x14ac:dyDescent="0.25">
      <c r="A105" s="48"/>
      <c r="B105" s="48"/>
      <c r="C105" s="63"/>
      <c r="D105" s="63"/>
    </row>
    <row r="106" spans="1:51" s="32" customFormat="1" ht="16.5" customHeight="1" x14ac:dyDescent="0.25">
      <c r="A106" s="48"/>
      <c r="B106" s="48"/>
      <c r="C106" s="63"/>
      <c r="D106" s="63"/>
    </row>
    <row r="107" spans="1:51" s="37" customFormat="1" ht="40.5" customHeight="1" x14ac:dyDescent="0.25"/>
    <row r="108" spans="1:51" s="31" customFormat="1" ht="33" customHeight="1" x14ac:dyDescent="0.25">
      <c r="A108" s="221"/>
      <c r="B108" s="221"/>
    </row>
    <row r="109" spans="1:51" s="31" customFormat="1" ht="22.5" customHeight="1" x14ac:dyDescent="0.25">
      <c r="A109" s="47"/>
      <c r="B109" s="47"/>
    </row>
    <row r="110" spans="1:51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  <c r="AX110" s="38"/>
      <c r="AY110" s="38"/>
    </row>
    <row r="111" spans="1:51" s="32" customFormat="1" ht="28.5" customHeight="1" x14ac:dyDescent="0.25">
      <c r="A111" s="48"/>
      <c r="B111" s="48"/>
    </row>
    <row r="112" spans="1:51" s="32" customFormat="1" ht="28.5" customHeight="1" x14ac:dyDescent="0.25">
      <c r="A112" s="48"/>
      <c r="B112" s="48"/>
      <c r="C112" s="63"/>
      <c r="D112" s="63"/>
    </row>
    <row r="113" spans="1:51" s="32" customFormat="1" ht="28.5" customHeight="1" x14ac:dyDescent="0.25">
      <c r="A113" s="48"/>
      <c r="B113" s="48"/>
      <c r="C113" s="63"/>
      <c r="D113" s="63"/>
    </row>
    <row r="114" spans="1:51" s="32" customFormat="1" ht="16.5" customHeight="1" x14ac:dyDescent="0.25">
      <c r="A114" s="48"/>
      <c r="B114" s="48"/>
      <c r="C114" s="63"/>
      <c r="D114" s="63"/>
    </row>
    <row r="115" spans="1:51" s="37" customFormat="1" ht="18" customHeight="1" x14ac:dyDescent="0.25"/>
    <row r="116" spans="1:51" s="31" customFormat="1" ht="33" customHeight="1" x14ac:dyDescent="0.25">
      <c r="A116" s="221"/>
      <c r="B116" s="221"/>
    </row>
    <row r="117" spans="1:51" s="31" customFormat="1" ht="22.5" customHeight="1" x14ac:dyDescent="0.25">
      <c r="A117" s="47"/>
      <c r="B117" s="47"/>
    </row>
    <row r="118" spans="1:51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  <c r="AX118" s="38"/>
      <c r="AY118" s="38"/>
    </row>
    <row r="119" spans="1:51" s="32" customFormat="1" ht="28.5" customHeight="1" x14ac:dyDescent="0.25">
      <c r="A119" s="48"/>
      <c r="B119" s="48"/>
    </row>
    <row r="120" spans="1:51" s="32" customFormat="1" ht="28.5" customHeight="1" x14ac:dyDescent="0.25">
      <c r="A120" s="48"/>
      <c r="B120" s="48"/>
      <c r="C120" s="63"/>
      <c r="D120" s="63"/>
    </row>
    <row r="121" spans="1:51" s="32" customFormat="1" ht="28.5" customHeight="1" x14ac:dyDescent="0.25">
      <c r="A121" s="48"/>
      <c r="B121" s="48"/>
      <c r="C121" s="63"/>
      <c r="D121" s="63"/>
    </row>
    <row r="122" spans="1:51" s="32" customFormat="1" ht="16.5" customHeight="1" x14ac:dyDescent="0.25">
      <c r="A122" s="48"/>
      <c r="B122" s="48"/>
      <c r="C122" s="63"/>
      <c r="D122" s="63"/>
    </row>
    <row r="123" spans="1:51" s="37" customFormat="1" ht="18" customHeight="1" x14ac:dyDescent="0.25"/>
    <row r="124" spans="1:51" s="31" customFormat="1" ht="33" customHeight="1" x14ac:dyDescent="0.25">
      <c r="A124" s="221"/>
      <c r="B124" s="221"/>
    </row>
    <row r="125" spans="1:51" s="31" customFormat="1" ht="22.5" customHeight="1" x14ac:dyDescent="0.25">
      <c r="A125" s="47"/>
      <c r="B125" s="47"/>
    </row>
    <row r="126" spans="1:51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  <c r="AX126" s="38"/>
      <c r="AY126" s="38"/>
    </row>
    <row r="127" spans="1:51" s="32" customFormat="1" ht="28.5" customHeight="1" x14ac:dyDescent="0.25">
      <c r="A127" s="48"/>
      <c r="B127" s="48"/>
    </row>
    <row r="128" spans="1:51" s="32" customFormat="1" ht="28.5" customHeight="1" x14ac:dyDescent="0.25">
      <c r="A128" s="48"/>
      <c r="B128" s="48"/>
      <c r="C128" s="63"/>
      <c r="D128" s="63"/>
    </row>
    <row r="129" spans="1:51" s="32" customFormat="1" ht="28.5" customHeight="1" x14ac:dyDescent="0.25">
      <c r="A129" s="48"/>
      <c r="B129" s="48"/>
      <c r="C129" s="63"/>
      <c r="D129" s="63"/>
    </row>
    <row r="130" spans="1:51" s="32" customFormat="1" ht="16.5" customHeight="1" x14ac:dyDescent="0.25">
      <c r="A130" s="48"/>
      <c r="B130" s="48"/>
      <c r="C130" s="63"/>
      <c r="D130" s="63"/>
    </row>
    <row r="131" spans="1:51" s="37" customFormat="1" ht="18" customHeight="1" x14ac:dyDescent="0.25"/>
    <row r="132" spans="1:51" s="31" customFormat="1" ht="33" customHeight="1" x14ac:dyDescent="0.25">
      <c r="A132" s="221"/>
      <c r="B132" s="221"/>
    </row>
    <row r="133" spans="1:51" s="31" customFormat="1" ht="22.5" customHeight="1" x14ac:dyDescent="0.25">
      <c r="A133" s="47"/>
      <c r="B133" s="47"/>
    </row>
    <row r="134" spans="1:51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  <c r="AX134" s="38"/>
      <c r="AY134" s="38"/>
    </row>
    <row r="135" spans="1:51" s="32" customFormat="1" ht="28.5" customHeight="1" x14ac:dyDescent="0.25">
      <c r="A135" s="48"/>
      <c r="B135" s="48"/>
    </row>
    <row r="136" spans="1:51" s="32" customFormat="1" ht="28.5" customHeight="1" x14ac:dyDescent="0.25">
      <c r="A136" s="48"/>
      <c r="B136" s="48"/>
      <c r="C136" s="63"/>
      <c r="D136" s="63"/>
    </row>
    <row r="137" spans="1:51" s="32" customFormat="1" ht="28.5" customHeight="1" x14ac:dyDescent="0.25">
      <c r="A137" s="48"/>
      <c r="B137" s="48"/>
      <c r="C137" s="63"/>
      <c r="D137" s="63"/>
    </row>
    <row r="138" spans="1:51" s="32" customFormat="1" ht="16.5" customHeight="1" x14ac:dyDescent="0.25">
      <c r="A138" s="48"/>
      <c r="B138" s="48"/>
      <c r="C138" s="63"/>
      <c r="D138" s="63"/>
    </row>
    <row r="139" spans="1:51" s="37" customFormat="1" ht="18" customHeight="1" x14ac:dyDescent="0.25"/>
    <row r="140" spans="1:51" s="31" customFormat="1" ht="33" customHeight="1" x14ac:dyDescent="0.25">
      <c r="A140" s="221"/>
      <c r="B140" s="221"/>
    </row>
    <row r="141" spans="1:51" s="31" customFormat="1" ht="22.5" customHeight="1" x14ac:dyDescent="0.25">
      <c r="A141" s="47"/>
      <c r="B141" s="47"/>
    </row>
    <row r="142" spans="1:51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  <c r="AX142" s="38"/>
      <c r="AY142" s="38"/>
    </row>
    <row r="143" spans="1:51" s="32" customFormat="1" ht="28.5" customHeight="1" x14ac:dyDescent="0.25">
      <c r="A143" s="48"/>
      <c r="B143" s="48"/>
    </row>
    <row r="144" spans="1:51" s="32" customFormat="1" ht="28.5" customHeight="1" x14ac:dyDescent="0.25">
      <c r="A144" s="48"/>
      <c r="B144" s="48"/>
      <c r="C144" s="63"/>
      <c r="D144" s="63"/>
    </row>
    <row r="145" spans="1:51" s="32" customFormat="1" ht="28.5" customHeight="1" x14ac:dyDescent="0.25">
      <c r="A145" s="48"/>
      <c r="B145" s="48"/>
      <c r="C145" s="63"/>
      <c r="D145" s="63"/>
    </row>
    <row r="146" spans="1:51" s="32" customFormat="1" ht="16.5" customHeight="1" x14ac:dyDescent="0.25">
      <c r="A146" s="48"/>
      <c r="B146" s="48"/>
      <c r="C146" s="63"/>
      <c r="D146" s="63"/>
    </row>
    <row r="147" spans="1:51" s="37" customFormat="1" ht="18" customHeight="1" x14ac:dyDescent="0.25"/>
    <row r="148" spans="1:51" s="31" customFormat="1" ht="33" customHeight="1" x14ac:dyDescent="0.25">
      <c r="A148" s="221"/>
      <c r="B148" s="221"/>
    </row>
    <row r="149" spans="1:51" s="31" customFormat="1" ht="22.5" customHeight="1" x14ac:dyDescent="0.25">
      <c r="A149" s="47"/>
      <c r="B149" s="47"/>
    </row>
    <row r="150" spans="1:51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  <c r="AX150" s="38"/>
      <c r="AY150" s="38"/>
    </row>
    <row r="151" spans="1:51" s="32" customFormat="1" ht="28.5" customHeight="1" x14ac:dyDescent="0.25">
      <c r="A151" s="48"/>
      <c r="B151" s="48"/>
    </row>
    <row r="152" spans="1:51" s="32" customFormat="1" ht="28.5" customHeight="1" x14ac:dyDescent="0.25">
      <c r="A152" s="48"/>
      <c r="B152" s="48"/>
      <c r="C152" s="63"/>
      <c r="D152" s="63"/>
    </row>
    <row r="153" spans="1:51" s="32" customFormat="1" ht="28.5" customHeight="1" x14ac:dyDescent="0.25">
      <c r="A153" s="48"/>
      <c r="B153" s="48"/>
      <c r="C153" s="63"/>
      <c r="D153" s="63"/>
    </row>
    <row r="154" spans="1:51" s="32" customFormat="1" ht="16.5" customHeight="1" x14ac:dyDescent="0.25">
      <c r="A154" s="48"/>
      <c r="B154" s="48"/>
      <c r="C154" s="63"/>
      <c r="D154" s="63"/>
    </row>
    <row r="155" spans="1:51" s="37" customFormat="1" ht="18" customHeight="1" x14ac:dyDescent="0.25"/>
    <row r="156" spans="1:51" s="31" customFormat="1" ht="33" customHeight="1" x14ac:dyDescent="0.25">
      <c r="A156" s="221"/>
      <c r="B156" s="221"/>
    </row>
    <row r="157" spans="1:51" s="31" customFormat="1" ht="22.5" customHeight="1" x14ac:dyDescent="0.25">
      <c r="A157" s="47"/>
      <c r="B157" s="47"/>
    </row>
    <row r="158" spans="1:51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  <c r="AX158" s="38"/>
      <c r="AY158" s="38"/>
    </row>
    <row r="159" spans="1:51" s="32" customFormat="1" ht="28.5" customHeight="1" x14ac:dyDescent="0.25">
      <c r="A159" s="48"/>
      <c r="B159" s="48"/>
    </row>
    <row r="160" spans="1:51" s="32" customFormat="1" ht="28.5" customHeight="1" x14ac:dyDescent="0.25">
      <c r="A160" s="48"/>
      <c r="B160" s="48"/>
      <c r="C160" s="63"/>
      <c r="D160" s="63"/>
    </row>
    <row r="161" spans="1:51" s="32" customFormat="1" ht="28.5" customHeight="1" x14ac:dyDescent="0.25">
      <c r="A161" s="48"/>
      <c r="B161" s="48"/>
      <c r="C161" s="63"/>
      <c r="D161" s="63"/>
    </row>
    <row r="162" spans="1:51" s="32" customFormat="1" ht="16.5" customHeight="1" x14ac:dyDescent="0.25">
      <c r="A162" s="48"/>
      <c r="B162" s="48"/>
      <c r="C162" s="63"/>
      <c r="D162" s="63"/>
    </row>
    <row r="163" spans="1:51" s="37" customFormat="1" ht="18" customHeight="1" x14ac:dyDescent="0.25"/>
    <row r="164" spans="1:51" s="31" customFormat="1" ht="33" customHeight="1" x14ac:dyDescent="0.25">
      <c r="A164" s="221"/>
      <c r="B164" s="221"/>
    </row>
    <row r="165" spans="1:51" s="31" customFormat="1" ht="22.5" customHeight="1" x14ac:dyDescent="0.25">
      <c r="A165" s="47"/>
      <c r="B165" s="47"/>
    </row>
    <row r="166" spans="1:51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  <c r="AX166" s="38"/>
      <c r="AY166" s="38"/>
    </row>
    <row r="167" spans="1:51" s="32" customFormat="1" ht="28.5" customHeight="1" x14ac:dyDescent="0.25">
      <c r="A167" s="48"/>
      <c r="B167" s="48"/>
    </row>
    <row r="168" spans="1:51" s="32" customFormat="1" ht="28.5" customHeight="1" x14ac:dyDescent="0.25">
      <c r="A168" s="48"/>
      <c r="B168" s="48"/>
      <c r="C168" s="63"/>
      <c r="D168" s="63"/>
    </row>
    <row r="169" spans="1:51" s="32" customFormat="1" ht="28.5" customHeight="1" x14ac:dyDescent="0.25">
      <c r="A169" s="48"/>
      <c r="B169" s="48"/>
      <c r="C169" s="63"/>
      <c r="D169" s="63"/>
    </row>
    <row r="170" spans="1:51" s="32" customFormat="1" ht="16.5" customHeight="1" x14ac:dyDescent="0.25">
      <c r="A170" s="48"/>
      <c r="B170" s="48"/>
      <c r="C170" s="63"/>
      <c r="D170" s="63"/>
    </row>
    <row r="171" spans="1:51" s="37" customFormat="1" ht="18" customHeight="1" x14ac:dyDescent="0.25"/>
    <row r="172" spans="1:51" s="31" customFormat="1" ht="33" customHeight="1" x14ac:dyDescent="0.25">
      <c r="A172" s="221"/>
      <c r="B172" s="221"/>
    </row>
    <row r="173" spans="1:51" s="31" customFormat="1" ht="22.5" customHeight="1" x14ac:dyDescent="0.25">
      <c r="A173" s="47"/>
      <c r="B173" s="47"/>
    </row>
    <row r="174" spans="1:51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  <c r="AX174" s="38"/>
      <c r="AY174" s="38"/>
    </row>
    <row r="175" spans="1:51" s="32" customFormat="1" ht="28.5" customHeight="1" x14ac:dyDescent="0.25">
      <c r="A175" s="48"/>
      <c r="B175" s="48"/>
    </row>
    <row r="176" spans="1:51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S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20:B20"/>
    <mergeCell ref="C22:D22"/>
    <mergeCell ref="C23:D23"/>
    <mergeCell ref="C24:D24"/>
    <mergeCell ref="A10:U10"/>
    <mergeCell ref="A11:L11"/>
    <mergeCell ref="A12:A13"/>
    <mergeCell ref="B12:B13"/>
    <mergeCell ref="C12:C13"/>
    <mergeCell ref="N12:P12"/>
    <mergeCell ref="Q12:S12"/>
    <mergeCell ref="D12:D13"/>
    <mergeCell ref="E12:E13"/>
    <mergeCell ref="F12:F13"/>
    <mergeCell ref="G12:G13"/>
    <mergeCell ref="H12:H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B189:C189"/>
    <mergeCell ref="B190:C190"/>
    <mergeCell ref="A193:B193"/>
    <mergeCell ref="C184:D184"/>
    <mergeCell ref="C185:D185"/>
    <mergeCell ref="I12:I13"/>
    <mergeCell ref="J12:J13"/>
    <mergeCell ref="K12:K13"/>
    <mergeCell ref="L12:L13"/>
    <mergeCell ref="M12:M13"/>
  </mergeCells>
  <conditionalFormatting sqref="B189:C189">
    <cfRule type="containsBlanks" dxfId="298" priority="14">
      <formula>LEN(TRIM(B189))=0</formula>
    </cfRule>
  </conditionalFormatting>
  <conditionalFormatting sqref="B190:C190">
    <cfRule type="containsBlanks" dxfId="297" priority="13">
      <formula>LEN(TRIM(B190))=0</formula>
    </cfRule>
  </conditionalFormatting>
  <conditionalFormatting sqref="H187:I187">
    <cfRule type="containsBlanks" dxfId="296" priority="12">
      <formula>LEN(TRIM(H187))=0</formula>
    </cfRule>
  </conditionalFormatting>
  <conditionalFormatting sqref="H188:I188">
    <cfRule type="containsBlanks" dxfId="295" priority="11">
      <formula>LEN(TRIM(H188))=0</formula>
    </cfRule>
  </conditionalFormatting>
  <conditionalFormatting sqref="C180:D182">
    <cfRule type="containsBlanks" dxfId="294" priority="10">
      <formula>LEN(TRIM(C180))=0</formula>
    </cfRule>
  </conditionalFormatting>
  <conditionalFormatting sqref="C184:D186">
    <cfRule type="containsBlanks" dxfId="293" priority="9">
      <formula>LEN(TRIM(C184))=0</formula>
    </cfRule>
  </conditionalFormatting>
  <conditionalFormatting sqref="B31:C31">
    <cfRule type="containsBlanks" dxfId="292" priority="7">
      <formula>LEN(TRIM(B31))=0</formula>
    </cfRule>
  </conditionalFormatting>
  <conditionalFormatting sqref="B32:C32">
    <cfRule type="containsBlanks" dxfId="291" priority="6">
      <formula>LEN(TRIM(B32))=0</formula>
    </cfRule>
  </conditionalFormatting>
  <conditionalFormatting sqref="H29:I29">
    <cfRule type="containsBlanks" dxfId="290" priority="5">
      <formula>LEN(TRIM(H29))=0</formula>
    </cfRule>
  </conditionalFormatting>
  <conditionalFormatting sqref="H30:I30">
    <cfRule type="containsBlanks" dxfId="289" priority="4">
      <formula>LEN(TRIM(H30))=0</formula>
    </cfRule>
  </conditionalFormatting>
  <conditionalFormatting sqref="C22:D24">
    <cfRule type="containsBlanks" dxfId="288" priority="3">
      <formula>LEN(TRIM(C22))=0</formula>
    </cfRule>
  </conditionalFormatting>
  <conditionalFormatting sqref="C26:D28">
    <cfRule type="containsBlanks" dxfId="287" priority="2">
      <formula>LEN(TRIM(C26))=0</formula>
    </cfRule>
  </conditionalFormatting>
  <conditionalFormatting sqref="J15:J19">
    <cfRule type="cellIs" dxfId="286" priority="1" operator="greaterThan">
      <formula>256082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  <rowBreaks count="2" manualBreakCount="2">
    <brk id="38" max="18" man="1"/>
    <brk id="56" max="18" man="1"/>
  </rowBreaks>
  <colBreaks count="1" manualBreakCount="1">
    <brk id="13" max="33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19.71093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8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79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55" t="s">
        <v>176</v>
      </c>
      <c r="C8" s="202" t="s">
        <v>178</v>
      </c>
      <c r="D8" s="169" t="s">
        <v>176</v>
      </c>
      <c r="E8" s="200" t="s">
        <v>65</v>
      </c>
      <c r="F8" s="198" t="s">
        <v>70</v>
      </c>
      <c r="G8" s="161" t="s">
        <v>68</v>
      </c>
      <c r="H8" s="163" t="s">
        <v>75</v>
      </c>
      <c r="I8" s="151">
        <v>9299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80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64" priority="13">
      <formula>LEN(TRIM(B189))=0</formula>
    </cfRule>
  </conditionalFormatting>
  <conditionalFormatting sqref="B190:C190">
    <cfRule type="containsBlanks" dxfId="63" priority="12">
      <formula>LEN(TRIM(B190))=0</formula>
    </cfRule>
  </conditionalFormatting>
  <conditionalFormatting sqref="H187:I187">
    <cfRule type="containsBlanks" dxfId="62" priority="11">
      <formula>LEN(TRIM(H187))=0</formula>
    </cfRule>
  </conditionalFormatting>
  <conditionalFormatting sqref="H188:I188">
    <cfRule type="containsBlanks" dxfId="61" priority="10">
      <formula>LEN(TRIM(H188))=0</formula>
    </cfRule>
  </conditionalFormatting>
  <conditionalFormatting sqref="C180:D182">
    <cfRule type="containsBlanks" dxfId="60" priority="9">
      <formula>LEN(TRIM(C180))=0</formula>
    </cfRule>
  </conditionalFormatting>
  <conditionalFormatting sqref="C184:D186">
    <cfRule type="containsBlanks" dxfId="59" priority="8">
      <formula>LEN(TRIM(C184))=0</formula>
    </cfRule>
  </conditionalFormatting>
  <conditionalFormatting sqref="J15:J19">
    <cfRule type="cellIs" dxfId="58" priority="7" operator="greaterThan">
      <formula>2560820</formula>
    </cfRule>
  </conditionalFormatting>
  <conditionalFormatting sqref="B31:C31">
    <cfRule type="containsBlanks" dxfId="57" priority="6">
      <formula>LEN(TRIM(B31))=0</formula>
    </cfRule>
  </conditionalFormatting>
  <conditionalFormatting sqref="B32:C32">
    <cfRule type="containsBlanks" dxfId="56" priority="5">
      <formula>LEN(TRIM(B32))=0</formula>
    </cfRule>
  </conditionalFormatting>
  <conditionalFormatting sqref="H29:I29">
    <cfRule type="containsBlanks" dxfId="55" priority="4">
      <formula>LEN(TRIM(H29))=0</formula>
    </cfRule>
  </conditionalFormatting>
  <conditionalFormatting sqref="H30:I30">
    <cfRule type="containsBlanks" dxfId="54" priority="3">
      <formula>LEN(TRIM(H30))=0</formula>
    </cfRule>
  </conditionalFormatting>
  <conditionalFormatting sqref="C22:D24">
    <cfRule type="containsBlanks" dxfId="53" priority="2">
      <formula>LEN(TRIM(C22))=0</formula>
    </cfRule>
  </conditionalFormatting>
  <conditionalFormatting sqref="C26:D28">
    <cfRule type="containsBlanks" dxfId="52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F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8.140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81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6" t="s">
        <v>0</v>
      </c>
      <c r="B8" s="158" t="s">
        <v>183</v>
      </c>
      <c r="C8" s="202" t="s">
        <v>184</v>
      </c>
      <c r="D8" s="172" t="s">
        <v>183</v>
      </c>
      <c r="E8" s="205" t="s">
        <v>65</v>
      </c>
      <c r="F8" s="198" t="s">
        <v>69</v>
      </c>
      <c r="G8" s="165" t="s">
        <v>68</v>
      </c>
      <c r="H8" s="201" t="s">
        <v>75</v>
      </c>
      <c r="I8" s="151">
        <v>522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82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2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2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2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2" x14ac:dyDescent="0.2">
      <c r="A36" s="60"/>
      <c r="B36" s="49" t="s">
        <v>10</v>
      </c>
    </row>
    <row r="37" spans="1:32" s="31" customFormat="1" ht="22.5" customHeight="1" x14ac:dyDescent="0.25">
      <c r="A37" s="47"/>
      <c r="B37" s="47"/>
    </row>
    <row r="38" spans="1:32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</row>
    <row r="39" spans="1:32" s="32" customFormat="1" ht="28.5" customHeight="1" x14ac:dyDescent="0.25">
      <c r="A39" s="48"/>
      <c r="B39" s="48"/>
    </row>
    <row r="40" spans="1:32" s="32" customFormat="1" ht="28.5" customHeight="1" x14ac:dyDescent="0.25">
      <c r="A40" s="48"/>
      <c r="B40" s="48"/>
      <c r="C40" s="63"/>
      <c r="D40" s="63"/>
    </row>
    <row r="41" spans="1:32" s="32" customFormat="1" ht="28.5" customHeight="1" x14ac:dyDescent="0.25">
      <c r="A41" s="48"/>
      <c r="B41" s="48"/>
      <c r="C41" s="63"/>
      <c r="D41" s="63"/>
    </row>
    <row r="42" spans="1:32" s="32" customFormat="1" ht="16.5" customHeight="1" x14ac:dyDescent="0.25">
      <c r="A42" s="48"/>
      <c r="B42" s="48"/>
      <c r="C42" s="63"/>
      <c r="D42" s="63"/>
    </row>
    <row r="43" spans="1:32" s="37" customFormat="1" ht="18" customHeight="1" x14ac:dyDescent="0.25"/>
    <row r="44" spans="1:32" s="31" customFormat="1" ht="33" customHeight="1" x14ac:dyDescent="0.25">
      <c r="A44" s="221"/>
      <c r="B44" s="221"/>
    </row>
    <row r="45" spans="1:32" s="31" customFormat="1" ht="22.5" customHeight="1" x14ac:dyDescent="0.25">
      <c r="A45" s="47"/>
      <c r="B45" s="47"/>
    </row>
    <row r="46" spans="1:32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</row>
    <row r="47" spans="1:32" s="32" customFormat="1" ht="28.5" customHeight="1" x14ac:dyDescent="0.25">
      <c r="A47" s="48"/>
      <c r="B47" s="48"/>
    </row>
    <row r="48" spans="1:32" s="32" customFormat="1" ht="28.5" customHeight="1" x14ac:dyDescent="0.25">
      <c r="A48" s="48"/>
      <c r="B48" s="48"/>
      <c r="C48" s="63"/>
      <c r="D48" s="63"/>
    </row>
    <row r="49" spans="1:32" s="32" customFormat="1" ht="28.5" customHeight="1" x14ac:dyDescent="0.25">
      <c r="A49" s="48"/>
      <c r="B49" s="48"/>
      <c r="C49" s="63"/>
      <c r="D49" s="63"/>
    </row>
    <row r="50" spans="1:32" s="32" customFormat="1" ht="16.5" customHeight="1" x14ac:dyDescent="0.25">
      <c r="A50" s="48"/>
      <c r="B50" s="48"/>
      <c r="C50" s="63"/>
      <c r="D50" s="63"/>
    </row>
    <row r="51" spans="1:32" s="37" customFormat="1" ht="18" customHeight="1" x14ac:dyDescent="0.25"/>
    <row r="52" spans="1:32" s="31" customFormat="1" ht="33" customHeight="1" x14ac:dyDescent="0.25">
      <c r="A52" s="221"/>
      <c r="B52" s="221"/>
    </row>
    <row r="53" spans="1:32" s="31" customFormat="1" ht="22.5" customHeight="1" x14ac:dyDescent="0.25">
      <c r="A53" s="47"/>
      <c r="B53" s="47"/>
    </row>
    <row r="54" spans="1:32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</row>
    <row r="55" spans="1:32" s="32" customFormat="1" ht="28.5" customHeight="1" x14ac:dyDescent="0.25">
      <c r="A55" s="48"/>
      <c r="B55" s="48"/>
    </row>
    <row r="56" spans="1:32" s="32" customFormat="1" ht="28.5" customHeight="1" x14ac:dyDescent="0.25">
      <c r="A56" s="48"/>
      <c r="B56" s="48"/>
      <c r="C56" s="63"/>
      <c r="D56" s="63"/>
    </row>
    <row r="57" spans="1:32" s="32" customFormat="1" ht="28.5" customHeight="1" x14ac:dyDescent="0.25">
      <c r="A57" s="48"/>
      <c r="B57" s="48"/>
      <c r="C57" s="63"/>
      <c r="D57" s="63"/>
    </row>
    <row r="58" spans="1:32" s="32" customFormat="1" ht="16.5" customHeight="1" x14ac:dyDescent="0.25">
      <c r="A58" s="48"/>
      <c r="B58" s="48"/>
      <c r="C58" s="63"/>
      <c r="D58" s="63"/>
    </row>
    <row r="59" spans="1:32" s="37" customFormat="1" ht="18" customHeight="1" x14ac:dyDescent="0.25"/>
    <row r="60" spans="1:32" s="31" customFormat="1" ht="33" customHeight="1" x14ac:dyDescent="0.25">
      <c r="A60" s="221"/>
      <c r="B60" s="221"/>
    </row>
    <row r="61" spans="1:32" s="31" customFormat="1" ht="22.5" customHeight="1" x14ac:dyDescent="0.25">
      <c r="A61" s="47"/>
      <c r="B61" s="47"/>
    </row>
    <row r="62" spans="1:32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</row>
    <row r="63" spans="1:32" s="32" customFormat="1" ht="28.5" customHeight="1" x14ac:dyDescent="0.25">
      <c r="A63" s="48"/>
      <c r="B63" s="48"/>
    </row>
    <row r="64" spans="1:32" s="32" customFormat="1" ht="28.5" customHeight="1" x14ac:dyDescent="0.25">
      <c r="A64" s="48"/>
      <c r="B64" s="48"/>
      <c r="C64" s="63"/>
      <c r="D64" s="63"/>
    </row>
    <row r="65" spans="1:32" s="32" customFormat="1" ht="28.5" customHeight="1" x14ac:dyDescent="0.25">
      <c r="A65" s="48"/>
      <c r="B65" s="48"/>
      <c r="C65" s="63"/>
      <c r="D65" s="63"/>
    </row>
    <row r="66" spans="1:32" s="32" customFormat="1" ht="16.5" customHeight="1" x14ac:dyDescent="0.25">
      <c r="A66" s="48"/>
      <c r="B66" s="48"/>
      <c r="C66" s="63"/>
      <c r="D66" s="63"/>
    </row>
    <row r="67" spans="1:32" s="37" customFormat="1" ht="18" customHeight="1" x14ac:dyDescent="0.25"/>
    <row r="68" spans="1:32" s="31" customFormat="1" ht="33" customHeight="1" x14ac:dyDescent="0.25">
      <c r="A68" s="221"/>
      <c r="B68" s="221"/>
    </row>
    <row r="69" spans="1:32" s="31" customFormat="1" ht="22.5" customHeight="1" x14ac:dyDescent="0.25">
      <c r="A69" s="47"/>
      <c r="B69" s="47"/>
    </row>
    <row r="70" spans="1:32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</row>
    <row r="71" spans="1:32" s="32" customFormat="1" ht="28.5" customHeight="1" x14ac:dyDescent="0.25">
      <c r="A71" s="48"/>
      <c r="B71" s="48"/>
    </row>
    <row r="72" spans="1:32" s="32" customFormat="1" ht="28.5" customHeight="1" x14ac:dyDescent="0.25">
      <c r="A72" s="48"/>
      <c r="B72" s="48"/>
      <c r="C72" s="63"/>
      <c r="D72" s="63"/>
    </row>
    <row r="73" spans="1:32" s="32" customFormat="1" ht="28.5" customHeight="1" x14ac:dyDescent="0.25">
      <c r="A73" s="48"/>
      <c r="B73" s="48"/>
      <c r="C73" s="63"/>
      <c r="D73" s="63"/>
    </row>
    <row r="74" spans="1:32" s="32" customFormat="1" ht="16.5" customHeight="1" x14ac:dyDescent="0.25">
      <c r="A74" s="48"/>
      <c r="B74" s="48"/>
      <c r="C74" s="63"/>
      <c r="D74" s="63"/>
    </row>
    <row r="75" spans="1:32" s="37" customFormat="1" ht="18" customHeight="1" x14ac:dyDescent="0.25"/>
    <row r="76" spans="1:32" s="31" customFormat="1" ht="33" customHeight="1" x14ac:dyDescent="0.25">
      <c r="A76" s="221"/>
      <c r="B76" s="221"/>
    </row>
    <row r="77" spans="1:32" s="31" customFormat="1" ht="22.5" customHeight="1" x14ac:dyDescent="0.25">
      <c r="A77" s="47"/>
      <c r="B77" s="47"/>
    </row>
    <row r="78" spans="1:32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</row>
    <row r="79" spans="1:32" s="32" customFormat="1" ht="28.5" customHeight="1" x14ac:dyDescent="0.25">
      <c r="A79" s="48"/>
      <c r="B79" s="48"/>
    </row>
    <row r="80" spans="1:32" s="32" customFormat="1" ht="28.5" customHeight="1" x14ac:dyDescent="0.25">
      <c r="A80" s="48"/>
      <c r="B80" s="48"/>
      <c r="C80" s="63"/>
      <c r="D80" s="63"/>
    </row>
    <row r="81" spans="1:32" s="32" customFormat="1" ht="28.5" customHeight="1" x14ac:dyDescent="0.25">
      <c r="A81" s="48"/>
      <c r="B81" s="48"/>
      <c r="C81" s="63"/>
      <c r="D81" s="63"/>
    </row>
    <row r="82" spans="1:32" s="32" customFormat="1" ht="16.5" customHeight="1" x14ac:dyDescent="0.25">
      <c r="A82" s="48"/>
      <c r="B82" s="48"/>
      <c r="C82" s="63"/>
      <c r="D82" s="63"/>
    </row>
    <row r="83" spans="1:32" s="37" customFormat="1" ht="18" customHeight="1" x14ac:dyDescent="0.25"/>
    <row r="84" spans="1:32" s="31" customFormat="1" ht="33" customHeight="1" x14ac:dyDescent="0.25">
      <c r="A84" s="221"/>
      <c r="B84" s="221"/>
    </row>
    <row r="85" spans="1:32" s="31" customFormat="1" ht="22.5" customHeight="1" x14ac:dyDescent="0.25">
      <c r="A85" s="47"/>
      <c r="B85" s="47"/>
    </row>
    <row r="86" spans="1:32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</row>
    <row r="87" spans="1:32" s="32" customFormat="1" ht="28.5" customHeight="1" x14ac:dyDescent="0.25">
      <c r="A87" s="48"/>
      <c r="B87" s="48"/>
    </row>
    <row r="88" spans="1:32" s="32" customFormat="1" ht="28.5" customHeight="1" x14ac:dyDescent="0.25">
      <c r="A88" s="48"/>
      <c r="B88" s="48"/>
      <c r="C88" s="63"/>
      <c r="D88" s="63"/>
    </row>
    <row r="89" spans="1:32" s="32" customFormat="1" ht="28.5" customHeight="1" x14ac:dyDescent="0.25">
      <c r="A89" s="48"/>
      <c r="B89" s="48"/>
      <c r="C89" s="63"/>
      <c r="D89" s="63"/>
    </row>
    <row r="90" spans="1:32" s="32" customFormat="1" ht="16.5" customHeight="1" x14ac:dyDescent="0.25">
      <c r="A90" s="48"/>
      <c r="B90" s="48"/>
      <c r="C90" s="63"/>
      <c r="D90" s="63"/>
    </row>
    <row r="91" spans="1:32" s="37" customFormat="1" ht="18" customHeight="1" x14ac:dyDescent="0.25"/>
    <row r="92" spans="1:32" s="31" customFormat="1" ht="33" customHeight="1" x14ac:dyDescent="0.25">
      <c r="A92" s="221"/>
      <c r="B92" s="221"/>
    </row>
    <row r="93" spans="1:32" s="31" customFormat="1" ht="22.5" customHeight="1" x14ac:dyDescent="0.25">
      <c r="A93" s="47"/>
      <c r="B93" s="47"/>
    </row>
    <row r="94" spans="1:32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</row>
    <row r="95" spans="1:32" s="32" customFormat="1" ht="28.5" customHeight="1" x14ac:dyDescent="0.25">
      <c r="A95" s="48"/>
      <c r="B95" s="48"/>
    </row>
    <row r="96" spans="1:32" s="32" customFormat="1" ht="28.5" customHeight="1" x14ac:dyDescent="0.25">
      <c r="A96" s="48"/>
      <c r="B96" s="48"/>
      <c r="C96" s="63"/>
      <c r="D96" s="63"/>
    </row>
    <row r="97" spans="1:32" s="32" customFormat="1" ht="28.5" customHeight="1" x14ac:dyDescent="0.25">
      <c r="A97" s="48"/>
      <c r="B97" s="48"/>
      <c r="C97" s="63"/>
      <c r="D97" s="63"/>
    </row>
    <row r="98" spans="1:32" s="32" customFormat="1" ht="16.5" customHeight="1" x14ac:dyDescent="0.25">
      <c r="A98" s="48"/>
      <c r="B98" s="48"/>
      <c r="C98" s="63"/>
      <c r="D98" s="63"/>
    </row>
    <row r="99" spans="1:32" s="37" customFormat="1" ht="18" customHeight="1" x14ac:dyDescent="0.25"/>
    <row r="100" spans="1:32" s="31" customFormat="1" ht="33" customHeight="1" x14ac:dyDescent="0.25">
      <c r="A100" s="221"/>
      <c r="B100" s="221"/>
    </row>
    <row r="101" spans="1:32" s="31" customFormat="1" ht="22.5" customHeight="1" x14ac:dyDescent="0.25">
      <c r="A101" s="47"/>
      <c r="B101" s="47"/>
    </row>
    <row r="102" spans="1:32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</row>
    <row r="103" spans="1:32" s="32" customFormat="1" ht="28.5" customHeight="1" x14ac:dyDescent="0.25">
      <c r="A103" s="48"/>
      <c r="B103" s="48"/>
    </row>
    <row r="104" spans="1:32" s="32" customFormat="1" ht="28.5" customHeight="1" x14ac:dyDescent="0.25">
      <c r="A104" s="48"/>
      <c r="B104" s="48"/>
      <c r="C104" s="63"/>
      <c r="D104" s="63"/>
    </row>
    <row r="105" spans="1:32" s="32" customFormat="1" ht="28.5" customHeight="1" x14ac:dyDescent="0.25">
      <c r="A105" s="48"/>
      <c r="B105" s="48"/>
      <c r="C105" s="63"/>
      <c r="D105" s="63"/>
    </row>
    <row r="106" spans="1:32" s="32" customFormat="1" ht="16.5" customHeight="1" x14ac:dyDescent="0.25">
      <c r="A106" s="48"/>
      <c r="B106" s="48"/>
      <c r="C106" s="63"/>
      <c r="D106" s="63"/>
    </row>
    <row r="107" spans="1:32" s="37" customFormat="1" ht="40.5" customHeight="1" x14ac:dyDescent="0.25"/>
    <row r="108" spans="1:32" s="31" customFormat="1" ht="33" customHeight="1" x14ac:dyDescent="0.25">
      <c r="A108" s="221"/>
      <c r="B108" s="221"/>
    </row>
    <row r="109" spans="1:32" s="31" customFormat="1" ht="22.5" customHeight="1" x14ac:dyDescent="0.25">
      <c r="A109" s="47"/>
      <c r="B109" s="47"/>
    </row>
    <row r="110" spans="1:32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</row>
    <row r="111" spans="1:32" s="32" customFormat="1" ht="28.5" customHeight="1" x14ac:dyDescent="0.25">
      <c r="A111" s="48"/>
      <c r="B111" s="48"/>
    </row>
    <row r="112" spans="1:32" s="32" customFormat="1" ht="28.5" customHeight="1" x14ac:dyDescent="0.25">
      <c r="A112" s="48"/>
      <c r="B112" s="48"/>
      <c r="C112" s="63"/>
      <c r="D112" s="63"/>
    </row>
    <row r="113" spans="1:32" s="32" customFormat="1" ht="28.5" customHeight="1" x14ac:dyDescent="0.25">
      <c r="A113" s="48"/>
      <c r="B113" s="48"/>
      <c r="C113" s="63"/>
      <c r="D113" s="63"/>
    </row>
    <row r="114" spans="1:32" s="32" customFormat="1" ht="16.5" customHeight="1" x14ac:dyDescent="0.25">
      <c r="A114" s="48"/>
      <c r="B114" s="48"/>
      <c r="C114" s="63"/>
      <c r="D114" s="63"/>
    </row>
    <row r="115" spans="1:32" s="37" customFormat="1" ht="18" customHeight="1" x14ac:dyDescent="0.25"/>
    <row r="116" spans="1:32" s="31" customFormat="1" ht="33" customHeight="1" x14ac:dyDescent="0.25">
      <c r="A116" s="221"/>
      <c r="B116" s="221"/>
    </row>
    <row r="117" spans="1:32" s="31" customFormat="1" ht="22.5" customHeight="1" x14ac:dyDescent="0.25">
      <c r="A117" s="47"/>
      <c r="B117" s="47"/>
    </row>
    <row r="118" spans="1:32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</row>
    <row r="119" spans="1:32" s="32" customFormat="1" ht="28.5" customHeight="1" x14ac:dyDescent="0.25">
      <c r="A119" s="48"/>
      <c r="B119" s="48"/>
    </row>
    <row r="120" spans="1:32" s="32" customFormat="1" ht="28.5" customHeight="1" x14ac:dyDescent="0.25">
      <c r="A120" s="48"/>
      <c r="B120" s="48"/>
      <c r="C120" s="63"/>
      <c r="D120" s="63"/>
    </row>
    <row r="121" spans="1:32" s="32" customFormat="1" ht="28.5" customHeight="1" x14ac:dyDescent="0.25">
      <c r="A121" s="48"/>
      <c r="B121" s="48"/>
      <c r="C121" s="63"/>
      <c r="D121" s="63"/>
    </row>
    <row r="122" spans="1:32" s="32" customFormat="1" ht="16.5" customHeight="1" x14ac:dyDescent="0.25">
      <c r="A122" s="48"/>
      <c r="B122" s="48"/>
      <c r="C122" s="63"/>
      <c r="D122" s="63"/>
    </row>
    <row r="123" spans="1:32" s="37" customFormat="1" ht="18" customHeight="1" x14ac:dyDescent="0.25"/>
    <row r="124" spans="1:32" s="31" customFormat="1" ht="33" customHeight="1" x14ac:dyDescent="0.25">
      <c r="A124" s="221"/>
      <c r="B124" s="221"/>
    </row>
    <row r="125" spans="1:32" s="31" customFormat="1" ht="22.5" customHeight="1" x14ac:dyDescent="0.25">
      <c r="A125" s="47"/>
      <c r="B125" s="47"/>
    </row>
    <row r="126" spans="1:32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</row>
    <row r="127" spans="1:32" s="32" customFormat="1" ht="28.5" customHeight="1" x14ac:dyDescent="0.25">
      <c r="A127" s="48"/>
      <c r="B127" s="48"/>
    </row>
    <row r="128" spans="1:32" s="32" customFormat="1" ht="28.5" customHeight="1" x14ac:dyDescent="0.25">
      <c r="A128" s="48"/>
      <c r="B128" s="48"/>
      <c r="C128" s="63"/>
      <c r="D128" s="63"/>
    </row>
    <row r="129" spans="1:32" s="32" customFormat="1" ht="28.5" customHeight="1" x14ac:dyDescent="0.25">
      <c r="A129" s="48"/>
      <c r="B129" s="48"/>
      <c r="C129" s="63"/>
      <c r="D129" s="63"/>
    </row>
    <row r="130" spans="1:32" s="32" customFormat="1" ht="16.5" customHeight="1" x14ac:dyDescent="0.25">
      <c r="A130" s="48"/>
      <c r="B130" s="48"/>
      <c r="C130" s="63"/>
      <c r="D130" s="63"/>
    </row>
    <row r="131" spans="1:32" s="37" customFormat="1" ht="18" customHeight="1" x14ac:dyDescent="0.25"/>
    <row r="132" spans="1:32" s="31" customFormat="1" ht="33" customHeight="1" x14ac:dyDescent="0.25">
      <c r="A132" s="221"/>
      <c r="B132" s="221"/>
    </row>
    <row r="133" spans="1:32" s="31" customFormat="1" ht="22.5" customHeight="1" x14ac:dyDescent="0.25">
      <c r="A133" s="47"/>
      <c r="B133" s="47"/>
    </row>
    <row r="134" spans="1:32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</row>
    <row r="135" spans="1:32" s="32" customFormat="1" ht="28.5" customHeight="1" x14ac:dyDescent="0.25">
      <c r="A135" s="48"/>
      <c r="B135" s="48"/>
    </row>
    <row r="136" spans="1:32" s="32" customFormat="1" ht="28.5" customHeight="1" x14ac:dyDescent="0.25">
      <c r="A136" s="48"/>
      <c r="B136" s="48"/>
      <c r="C136" s="63"/>
      <c r="D136" s="63"/>
    </row>
    <row r="137" spans="1:32" s="32" customFormat="1" ht="28.5" customHeight="1" x14ac:dyDescent="0.25">
      <c r="A137" s="48"/>
      <c r="B137" s="48"/>
      <c r="C137" s="63"/>
      <c r="D137" s="63"/>
    </row>
    <row r="138" spans="1:32" s="32" customFormat="1" ht="16.5" customHeight="1" x14ac:dyDescent="0.25">
      <c r="A138" s="48"/>
      <c r="B138" s="48"/>
      <c r="C138" s="63"/>
      <c r="D138" s="63"/>
    </row>
    <row r="139" spans="1:32" s="37" customFormat="1" ht="18" customHeight="1" x14ac:dyDescent="0.25"/>
    <row r="140" spans="1:32" s="31" customFormat="1" ht="33" customHeight="1" x14ac:dyDescent="0.25">
      <c r="A140" s="221"/>
      <c r="B140" s="221"/>
    </row>
    <row r="141" spans="1:32" s="31" customFormat="1" ht="22.5" customHeight="1" x14ac:dyDescent="0.25">
      <c r="A141" s="47"/>
      <c r="B141" s="47"/>
    </row>
    <row r="142" spans="1:32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</row>
    <row r="143" spans="1:32" s="32" customFormat="1" ht="28.5" customHeight="1" x14ac:dyDescent="0.25">
      <c r="A143" s="48"/>
      <c r="B143" s="48"/>
    </row>
    <row r="144" spans="1:32" s="32" customFormat="1" ht="28.5" customHeight="1" x14ac:dyDescent="0.25">
      <c r="A144" s="48"/>
      <c r="B144" s="48"/>
      <c r="C144" s="63"/>
      <c r="D144" s="63"/>
    </row>
    <row r="145" spans="1:32" s="32" customFormat="1" ht="28.5" customHeight="1" x14ac:dyDescent="0.25">
      <c r="A145" s="48"/>
      <c r="B145" s="48"/>
      <c r="C145" s="63"/>
      <c r="D145" s="63"/>
    </row>
    <row r="146" spans="1:32" s="32" customFormat="1" ht="16.5" customHeight="1" x14ac:dyDescent="0.25">
      <c r="A146" s="48"/>
      <c r="B146" s="48"/>
      <c r="C146" s="63"/>
      <c r="D146" s="63"/>
    </row>
    <row r="147" spans="1:32" s="37" customFormat="1" ht="18" customHeight="1" x14ac:dyDescent="0.25"/>
    <row r="148" spans="1:32" s="31" customFormat="1" ht="33" customHeight="1" x14ac:dyDescent="0.25">
      <c r="A148" s="221"/>
      <c r="B148" s="221"/>
    </row>
    <row r="149" spans="1:32" s="31" customFormat="1" ht="22.5" customHeight="1" x14ac:dyDescent="0.25">
      <c r="A149" s="47"/>
      <c r="B149" s="47"/>
    </row>
    <row r="150" spans="1:32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</row>
    <row r="151" spans="1:32" s="32" customFormat="1" ht="28.5" customHeight="1" x14ac:dyDescent="0.25">
      <c r="A151" s="48"/>
      <c r="B151" s="48"/>
    </row>
    <row r="152" spans="1:32" s="32" customFormat="1" ht="28.5" customHeight="1" x14ac:dyDescent="0.25">
      <c r="A152" s="48"/>
      <c r="B152" s="48"/>
      <c r="C152" s="63"/>
      <c r="D152" s="63"/>
    </row>
    <row r="153" spans="1:32" s="32" customFormat="1" ht="28.5" customHeight="1" x14ac:dyDescent="0.25">
      <c r="A153" s="48"/>
      <c r="B153" s="48"/>
      <c r="C153" s="63"/>
      <c r="D153" s="63"/>
    </row>
    <row r="154" spans="1:32" s="32" customFormat="1" ht="16.5" customHeight="1" x14ac:dyDescent="0.25">
      <c r="A154" s="48"/>
      <c r="B154" s="48"/>
      <c r="C154" s="63"/>
      <c r="D154" s="63"/>
    </row>
    <row r="155" spans="1:32" s="37" customFormat="1" ht="18" customHeight="1" x14ac:dyDescent="0.25"/>
    <row r="156" spans="1:32" s="31" customFormat="1" ht="33" customHeight="1" x14ac:dyDescent="0.25">
      <c r="A156" s="221"/>
      <c r="B156" s="221"/>
    </row>
    <row r="157" spans="1:32" s="31" customFormat="1" ht="22.5" customHeight="1" x14ac:dyDescent="0.25">
      <c r="A157" s="47"/>
      <c r="B157" s="47"/>
    </row>
    <row r="158" spans="1:32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</row>
    <row r="159" spans="1:32" s="32" customFormat="1" ht="28.5" customHeight="1" x14ac:dyDescent="0.25">
      <c r="A159" s="48"/>
      <c r="B159" s="48"/>
    </row>
    <row r="160" spans="1:32" s="32" customFormat="1" ht="28.5" customHeight="1" x14ac:dyDescent="0.25">
      <c r="A160" s="48"/>
      <c r="B160" s="48"/>
      <c r="C160" s="63"/>
      <c r="D160" s="63"/>
    </row>
    <row r="161" spans="1:32" s="32" customFormat="1" ht="28.5" customHeight="1" x14ac:dyDescent="0.25">
      <c r="A161" s="48"/>
      <c r="B161" s="48"/>
      <c r="C161" s="63"/>
      <c r="D161" s="63"/>
    </row>
    <row r="162" spans="1:32" s="32" customFormat="1" ht="16.5" customHeight="1" x14ac:dyDescent="0.25">
      <c r="A162" s="48"/>
      <c r="B162" s="48"/>
      <c r="C162" s="63"/>
      <c r="D162" s="63"/>
    </row>
    <row r="163" spans="1:32" s="37" customFormat="1" ht="18" customHeight="1" x14ac:dyDescent="0.25"/>
    <row r="164" spans="1:32" s="31" customFormat="1" ht="33" customHeight="1" x14ac:dyDescent="0.25">
      <c r="A164" s="221"/>
      <c r="B164" s="221"/>
    </row>
    <row r="165" spans="1:32" s="31" customFormat="1" ht="22.5" customHeight="1" x14ac:dyDescent="0.25">
      <c r="A165" s="47"/>
      <c r="B165" s="47"/>
    </row>
    <row r="166" spans="1:32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</row>
    <row r="167" spans="1:32" s="32" customFormat="1" ht="28.5" customHeight="1" x14ac:dyDescent="0.25">
      <c r="A167" s="48"/>
      <c r="B167" s="48"/>
    </row>
    <row r="168" spans="1:32" s="32" customFormat="1" ht="28.5" customHeight="1" x14ac:dyDescent="0.25">
      <c r="A168" s="48"/>
      <c r="B168" s="48"/>
      <c r="C168" s="63"/>
      <c r="D168" s="63"/>
    </row>
    <row r="169" spans="1:32" s="32" customFormat="1" ht="28.5" customHeight="1" x14ac:dyDescent="0.25">
      <c r="A169" s="48"/>
      <c r="B169" s="48"/>
      <c r="C169" s="63"/>
      <c r="D169" s="63"/>
    </row>
    <row r="170" spans="1:32" s="32" customFormat="1" ht="16.5" customHeight="1" x14ac:dyDescent="0.25">
      <c r="A170" s="48"/>
      <c r="B170" s="48"/>
      <c r="C170" s="63"/>
      <c r="D170" s="63"/>
    </row>
    <row r="171" spans="1:32" s="37" customFormat="1" ht="18" customHeight="1" x14ac:dyDescent="0.25"/>
    <row r="172" spans="1:32" s="31" customFormat="1" ht="33" customHeight="1" x14ac:dyDescent="0.25">
      <c r="A172" s="221"/>
      <c r="B172" s="221"/>
    </row>
    <row r="173" spans="1:32" s="31" customFormat="1" ht="22.5" customHeight="1" x14ac:dyDescent="0.25">
      <c r="A173" s="47"/>
      <c r="B173" s="47"/>
    </row>
    <row r="174" spans="1:32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</row>
    <row r="175" spans="1:32" s="32" customFormat="1" ht="28.5" customHeight="1" x14ac:dyDescent="0.25">
      <c r="A175" s="48"/>
      <c r="B175" s="48"/>
    </row>
    <row r="176" spans="1:32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51" priority="13">
      <formula>LEN(TRIM(B189))=0</formula>
    </cfRule>
  </conditionalFormatting>
  <conditionalFormatting sqref="B190:C190">
    <cfRule type="containsBlanks" dxfId="50" priority="12">
      <formula>LEN(TRIM(B190))=0</formula>
    </cfRule>
  </conditionalFormatting>
  <conditionalFormatting sqref="H187:I187">
    <cfRule type="containsBlanks" dxfId="49" priority="11">
      <formula>LEN(TRIM(H187))=0</formula>
    </cfRule>
  </conditionalFormatting>
  <conditionalFormatting sqref="H188:I188">
    <cfRule type="containsBlanks" dxfId="48" priority="10">
      <formula>LEN(TRIM(H188))=0</formula>
    </cfRule>
  </conditionalFormatting>
  <conditionalFormatting sqref="C180:D182">
    <cfRule type="containsBlanks" dxfId="47" priority="9">
      <formula>LEN(TRIM(C180))=0</formula>
    </cfRule>
  </conditionalFormatting>
  <conditionalFormatting sqref="C184:D186">
    <cfRule type="containsBlanks" dxfId="46" priority="8">
      <formula>LEN(TRIM(C184))=0</formula>
    </cfRule>
  </conditionalFormatting>
  <conditionalFormatting sqref="J15:J19">
    <cfRule type="cellIs" dxfId="45" priority="7" operator="greaterThan">
      <formula>2560820</formula>
    </cfRule>
  </conditionalFormatting>
  <conditionalFormatting sqref="B31:C31">
    <cfRule type="containsBlanks" dxfId="44" priority="6">
      <formula>LEN(TRIM(B31))=0</formula>
    </cfRule>
  </conditionalFormatting>
  <conditionalFormatting sqref="B32:C32">
    <cfRule type="containsBlanks" dxfId="43" priority="5">
      <formula>LEN(TRIM(B32))=0</formula>
    </cfRule>
  </conditionalFormatting>
  <conditionalFormatting sqref="H29:I29">
    <cfRule type="containsBlanks" dxfId="42" priority="4">
      <formula>LEN(TRIM(H29))=0</formula>
    </cfRule>
  </conditionalFormatting>
  <conditionalFormatting sqref="H30:I30">
    <cfRule type="containsBlanks" dxfId="41" priority="3">
      <formula>LEN(TRIM(H30))=0</formula>
    </cfRule>
  </conditionalFormatting>
  <conditionalFormatting sqref="C22:D24">
    <cfRule type="containsBlanks" dxfId="40" priority="2">
      <formula>LEN(TRIM(C22))=0</formula>
    </cfRule>
  </conditionalFormatting>
  <conditionalFormatting sqref="C26:D28">
    <cfRule type="containsBlanks" dxfId="39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9" fitToHeight="0" orientation="landscape" r:id="rId1"/>
  <headerFooter alignWithMargins="0">
    <oddFooter>&amp;C&amp;P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42578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85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R5" s="170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70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64" t="s">
        <v>183</v>
      </c>
      <c r="C8" s="202" t="s">
        <v>184</v>
      </c>
      <c r="D8" s="169" t="s">
        <v>183</v>
      </c>
      <c r="E8" s="200" t="s">
        <v>126</v>
      </c>
      <c r="F8" s="198" t="s">
        <v>69</v>
      </c>
      <c r="G8" s="161" t="s">
        <v>68</v>
      </c>
      <c r="H8" s="201" t="s">
        <v>127</v>
      </c>
      <c r="I8" s="255">
        <v>462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R8" s="171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82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38" priority="13">
      <formula>LEN(TRIM(B189))=0</formula>
    </cfRule>
  </conditionalFormatting>
  <conditionalFormatting sqref="B190:C190">
    <cfRule type="containsBlanks" dxfId="37" priority="12">
      <formula>LEN(TRIM(B190))=0</formula>
    </cfRule>
  </conditionalFormatting>
  <conditionalFormatting sqref="H187:I187">
    <cfRule type="containsBlanks" dxfId="36" priority="11">
      <formula>LEN(TRIM(H187))=0</formula>
    </cfRule>
  </conditionalFormatting>
  <conditionalFormatting sqref="H188:I188">
    <cfRule type="containsBlanks" dxfId="35" priority="10">
      <formula>LEN(TRIM(H188))=0</formula>
    </cfRule>
  </conditionalFormatting>
  <conditionalFormatting sqref="C180:D182">
    <cfRule type="containsBlanks" dxfId="34" priority="9">
      <formula>LEN(TRIM(C180))=0</formula>
    </cfRule>
  </conditionalFormatting>
  <conditionalFormatting sqref="C184:D186">
    <cfRule type="containsBlanks" dxfId="33" priority="8">
      <formula>LEN(TRIM(C184))=0</formula>
    </cfRule>
  </conditionalFormatting>
  <conditionalFormatting sqref="J15:J19">
    <cfRule type="cellIs" dxfId="32" priority="7" operator="greaterThan">
      <formula>2560820</formula>
    </cfRule>
  </conditionalFormatting>
  <conditionalFormatting sqref="B31:C31">
    <cfRule type="containsBlanks" dxfId="31" priority="6">
      <formula>LEN(TRIM(B31))=0</formula>
    </cfRule>
  </conditionalFormatting>
  <conditionalFormatting sqref="B32:C32">
    <cfRule type="containsBlanks" dxfId="30" priority="5">
      <formula>LEN(TRIM(B32))=0</formula>
    </cfRule>
  </conditionalFormatting>
  <conditionalFormatting sqref="H29:I29">
    <cfRule type="containsBlanks" dxfId="29" priority="4">
      <formula>LEN(TRIM(H29))=0</formula>
    </cfRule>
  </conditionalFormatting>
  <conditionalFormatting sqref="H30:I30">
    <cfRule type="containsBlanks" dxfId="28" priority="3">
      <formula>LEN(TRIM(H30))=0</formula>
    </cfRule>
  </conditionalFormatting>
  <conditionalFormatting sqref="C22:D24">
    <cfRule type="containsBlanks" dxfId="27" priority="2">
      <formula>LEN(TRIM(C22))=0</formula>
    </cfRule>
  </conditionalFormatting>
  <conditionalFormatting sqref="C26:D28">
    <cfRule type="containsBlanks" dxfId="26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M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5.855468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7" width="14.7109375" style="5" customWidth="1"/>
    <col min="8" max="8" width="17.5703125" style="5" customWidth="1"/>
    <col min="9" max="10" width="14.7109375" style="5" customWidth="1"/>
    <col min="11" max="11" width="9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86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64" t="s">
        <v>188</v>
      </c>
      <c r="C8" s="162" t="s">
        <v>189</v>
      </c>
      <c r="D8" s="169" t="s">
        <v>188</v>
      </c>
      <c r="E8" s="205" t="s">
        <v>65</v>
      </c>
      <c r="F8" s="198" t="s">
        <v>190</v>
      </c>
      <c r="G8" s="161" t="s">
        <v>68</v>
      </c>
      <c r="H8" s="155" t="s">
        <v>191</v>
      </c>
      <c r="I8" s="255">
        <v>16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87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9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9" x14ac:dyDescent="0.2">
      <c r="A36" s="60"/>
      <c r="B36" s="49" t="s">
        <v>10</v>
      </c>
    </row>
    <row r="37" spans="1:39" s="31" customFormat="1" ht="22.5" customHeight="1" x14ac:dyDescent="0.25">
      <c r="A37" s="47"/>
      <c r="B37" s="47"/>
    </row>
    <row r="38" spans="1:3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</row>
    <row r="39" spans="1:39" s="32" customFormat="1" ht="28.5" customHeight="1" x14ac:dyDescent="0.25">
      <c r="A39" s="48"/>
      <c r="B39" s="48"/>
    </row>
    <row r="40" spans="1:39" s="32" customFormat="1" ht="28.5" customHeight="1" x14ac:dyDescent="0.25">
      <c r="A40" s="48"/>
      <c r="B40" s="48"/>
      <c r="C40" s="63"/>
      <c r="D40" s="63"/>
    </row>
    <row r="41" spans="1:39" s="32" customFormat="1" ht="28.5" customHeight="1" x14ac:dyDescent="0.25">
      <c r="A41" s="48"/>
      <c r="B41" s="48"/>
      <c r="C41" s="63"/>
      <c r="D41" s="63"/>
    </row>
    <row r="42" spans="1:39" s="32" customFormat="1" ht="16.5" customHeight="1" x14ac:dyDescent="0.25">
      <c r="A42" s="48"/>
      <c r="B42" s="48"/>
      <c r="C42" s="63"/>
      <c r="D42" s="63"/>
    </row>
    <row r="43" spans="1:39" s="37" customFormat="1" ht="18" customHeight="1" x14ac:dyDescent="0.25"/>
    <row r="44" spans="1:39" s="31" customFormat="1" ht="33" customHeight="1" x14ac:dyDescent="0.25">
      <c r="A44" s="221"/>
      <c r="B44" s="221"/>
    </row>
    <row r="45" spans="1:39" s="31" customFormat="1" ht="22.5" customHeight="1" x14ac:dyDescent="0.25">
      <c r="A45" s="47"/>
      <c r="B45" s="47"/>
    </row>
    <row r="46" spans="1:3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</row>
    <row r="47" spans="1:39" s="32" customFormat="1" ht="28.5" customHeight="1" x14ac:dyDescent="0.25">
      <c r="A47" s="48"/>
      <c r="B47" s="48"/>
    </row>
    <row r="48" spans="1:39" s="32" customFormat="1" ht="28.5" customHeight="1" x14ac:dyDescent="0.25">
      <c r="A48" s="48"/>
      <c r="B48" s="48"/>
      <c r="C48" s="63"/>
      <c r="D48" s="63"/>
    </row>
    <row r="49" spans="1:39" s="32" customFormat="1" ht="28.5" customHeight="1" x14ac:dyDescent="0.25">
      <c r="A49" s="48"/>
      <c r="B49" s="48"/>
      <c r="C49" s="63"/>
      <c r="D49" s="63"/>
    </row>
    <row r="50" spans="1:39" s="32" customFormat="1" ht="16.5" customHeight="1" x14ac:dyDescent="0.25">
      <c r="A50" s="48"/>
      <c r="B50" s="48"/>
      <c r="C50" s="63"/>
      <c r="D50" s="63"/>
    </row>
    <row r="51" spans="1:39" s="37" customFormat="1" ht="18" customHeight="1" x14ac:dyDescent="0.25"/>
    <row r="52" spans="1:39" s="31" customFormat="1" ht="33" customHeight="1" x14ac:dyDescent="0.25">
      <c r="A52" s="221"/>
      <c r="B52" s="221"/>
    </row>
    <row r="53" spans="1:39" s="31" customFormat="1" ht="22.5" customHeight="1" x14ac:dyDescent="0.25">
      <c r="A53" s="47"/>
      <c r="B53" s="47"/>
    </row>
    <row r="54" spans="1:3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</row>
    <row r="55" spans="1:39" s="32" customFormat="1" ht="28.5" customHeight="1" x14ac:dyDescent="0.25">
      <c r="A55" s="48"/>
      <c r="B55" s="48"/>
    </row>
    <row r="56" spans="1:39" s="32" customFormat="1" ht="28.5" customHeight="1" x14ac:dyDescent="0.25">
      <c r="A56" s="48"/>
      <c r="B56" s="48"/>
      <c r="C56" s="63"/>
      <c r="D56" s="63"/>
    </row>
    <row r="57" spans="1:39" s="32" customFormat="1" ht="28.5" customHeight="1" x14ac:dyDescent="0.25">
      <c r="A57" s="48"/>
      <c r="B57" s="48"/>
      <c r="C57" s="63"/>
      <c r="D57" s="63"/>
    </row>
    <row r="58" spans="1:39" s="32" customFormat="1" ht="16.5" customHeight="1" x14ac:dyDescent="0.25">
      <c r="A58" s="48"/>
      <c r="B58" s="48"/>
      <c r="C58" s="63"/>
      <c r="D58" s="63"/>
    </row>
    <row r="59" spans="1:39" s="37" customFormat="1" ht="18" customHeight="1" x14ac:dyDescent="0.25"/>
    <row r="60" spans="1:39" s="31" customFormat="1" ht="33" customHeight="1" x14ac:dyDescent="0.25">
      <c r="A60" s="221"/>
      <c r="B60" s="221"/>
    </row>
    <row r="61" spans="1:39" s="31" customFormat="1" ht="22.5" customHeight="1" x14ac:dyDescent="0.25">
      <c r="A61" s="47"/>
      <c r="B61" s="47"/>
    </row>
    <row r="62" spans="1:3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</row>
    <row r="63" spans="1:39" s="32" customFormat="1" ht="28.5" customHeight="1" x14ac:dyDescent="0.25">
      <c r="A63" s="48"/>
      <c r="B63" s="48"/>
    </row>
    <row r="64" spans="1:39" s="32" customFormat="1" ht="28.5" customHeight="1" x14ac:dyDescent="0.25">
      <c r="A64" s="48"/>
      <c r="B64" s="48"/>
      <c r="C64" s="63"/>
      <c r="D64" s="63"/>
    </row>
    <row r="65" spans="1:39" s="32" customFormat="1" ht="28.5" customHeight="1" x14ac:dyDescent="0.25">
      <c r="A65" s="48"/>
      <c r="B65" s="48"/>
      <c r="C65" s="63"/>
      <c r="D65" s="63"/>
    </row>
    <row r="66" spans="1:39" s="32" customFormat="1" ht="16.5" customHeight="1" x14ac:dyDescent="0.25">
      <c r="A66" s="48"/>
      <c r="B66" s="48"/>
      <c r="C66" s="63"/>
      <c r="D66" s="63"/>
    </row>
    <row r="67" spans="1:39" s="37" customFormat="1" ht="18" customHeight="1" x14ac:dyDescent="0.25"/>
    <row r="68" spans="1:39" s="31" customFormat="1" ht="33" customHeight="1" x14ac:dyDescent="0.25">
      <c r="A68" s="221"/>
      <c r="B68" s="221"/>
    </row>
    <row r="69" spans="1:39" s="31" customFormat="1" ht="22.5" customHeight="1" x14ac:dyDescent="0.25">
      <c r="A69" s="47"/>
      <c r="B69" s="47"/>
    </row>
    <row r="70" spans="1:3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</row>
    <row r="71" spans="1:39" s="32" customFormat="1" ht="28.5" customHeight="1" x14ac:dyDescent="0.25">
      <c r="A71" s="48"/>
      <c r="B71" s="48"/>
    </row>
    <row r="72" spans="1:39" s="32" customFormat="1" ht="28.5" customHeight="1" x14ac:dyDescent="0.25">
      <c r="A72" s="48"/>
      <c r="B72" s="48"/>
      <c r="C72" s="63"/>
      <c r="D72" s="63"/>
    </row>
    <row r="73" spans="1:39" s="32" customFormat="1" ht="28.5" customHeight="1" x14ac:dyDescent="0.25">
      <c r="A73" s="48"/>
      <c r="B73" s="48"/>
      <c r="C73" s="63"/>
      <c r="D73" s="63"/>
    </row>
    <row r="74" spans="1:39" s="32" customFormat="1" ht="16.5" customHeight="1" x14ac:dyDescent="0.25">
      <c r="A74" s="48"/>
      <c r="B74" s="48"/>
      <c r="C74" s="63"/>
      <c r="D74" s="63"/>
    </row>
    <row r="75" spans="1:39" s="37" customFormat="1" ht="18" customHeight="1" x14ac:dyDescent="0.25"/>
    <row r="76" spans="1:39" s="31" customFormat="1" ht="33" customHeight="1" x14ac:dyDescent="0.25">
      <c r="A76" s="221"/>
      <c r="B76" s="221"/>
    </row>
    <row r="77" spans="1:39" s="31" customFormat="1" ht="22.5" customHeight="1" x14ac:dyDescent="0.25">
      <c r="A77" s="47"/>
      <c r="B77" s="47"/>
    </row>
    <row r="78" spans="1:3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</row>
    <row r="79" spans="1:39" s="32" customFormat="1" ht="28.5" customHeight="1" x14ac:dyDescent="0.25">
      <c r="A79" s="48"/>
      <c r="B79" s="48"/>
    </row>
    <row r="80" spans="1:39" s="32" customFormat="1" ht="28.5" customHeight="1" x14ac:dyDescent="0.25">
      <c r="A80" s="48"/>
      <c r="B80" s="48"/>
      <c r="C80" s="63"/>
      <c r="D80" s="63"/>
    </row>
    <row r="81" spans="1:39" s="32" customFormat="1" ht="28.5" customHeight="1" x14ac:dyDescent="0.25">
      <c r="A81" s="48"/>
      <c r="B81" s="48"/>
      <c r="C81" s="63"/>
      <c r="D81" s="63"/>
    </row>
    <row r="82" spans="1:39" s="32" customFormat="1" ht="16.5" customHeight="1" x14ac:dyDescent="0.25">
      <c r="A82" s="48"/>
      <c r="B82" s="48"/>
      <c r="C82" s="63"/>
      <c r="D82" s="63"/>
    </row>
    <row r="83" spans="1:39" s="37" customFormat="1" ht="18" customHeight="1" x14ac:dyDescent="0.25"/>
    <row r="84" spans="1:39" s="31" customFormat="1" ht="33" customHeight="1" x14ac:dyDescent="0.25">
      <c r="A84" s="221"/>
      <c r="B84" s="221"/>
    </row>
    <row r="85" spans="1:39" s="31" customFormat="1" ht="22.5" customHeight="1" x14ac:dyDescent="0.25">
      <c r="A85" s="47"/>
      <c r="B85" s="47"/>
    </row>
    <row r="86" spans="1:3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</row>
    <row r="87" spans="1:39" s="32" customFormat="1" ht="28.5" customHeight="1" x14ac:dyDescent="0.25">
      <c r="A87" s="48"/>
      <c r="B87" s="48"/>
    </row>
    <row r="88" spans="1:39" s="32" customFormat="1" ht="28.5" customHeight="1" x14ac:dyDescent="0.25">
      <c r="A88" s="48"/>
      <c r="B88" s="48"/>
      <c r="C88" s="63"/>
      <c r="D88" s="63"/>
    </row>
    <row r="89" spans="1:39" s="32" customFormat="1" ht="28.5" customHeight="1" x14ac:dyDescent="0.25">
      <c r="A89" s="48"/>
      <c r="B89" s="48"/>
      <c r="C89" s="63"/>
      <c r="D89" s="63"/>
    </row>
    <row r="90" spans="1:39" s="32" customFormat="1" ht="16.5" customHeight="1" x14ac:dyDescent="0.25">
      <c r="A90" s="48"/>
      <c r="B90" s="48"/>
      <c r="C90" s="63"/>
      <c r="D90" s="63"/>
    </row>
    <row r="91" spans="1:39" s="37" customFormat="1" ht="18" customHeight="1" x14ac:dyDescent="0.25"/>
    <row r="92" spans="1:39" s="31" customFormat="1" ht="33" customHeight="1" x14ac:dyDescent="0.25">
      <c r="A92" s="221"/>
      <c r="B92" s="221"/>
    </row>
    <row r="93" spans="1:39" s="31" customFormat="1" ht="22.5" customHeight="1" x14ac:dyDescent="0.25">
      <c r="A93" s="47"/>
      <c r="B93" s="47"/>
    </row>
    <row r="94" spans="1:3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</row>
    <row r="95" spans="1:39" s="32" customFormat="1" ht="28.5" customHeight="1" x14ac:dyDescent="0.25">
      <c r="A95" s="48"/>
      <c r="B95" s="48"/>
    </row>
    <row r="96" spans="1:39" s="32" customFormat="1" ht="28.5" customHeight="1" x14ac:dyDescent="0.25">
      <c r="A96" s="48"/>
      <c r="B96" s="48"/>
      <c r="C96" s="63"/>
      <c r="D96" s="63"/>
    </row>
    <row r="97" spans="1:39" s="32" customFormat="1" ht="28.5" customHeight="1" x14ac:dyDescent="0.25">
      <c r="A97" s="48"/>
      <c r="B97" s="48"/>
      <c r="C97" s="63"/>
      <c r="D97" s="63"/>
    </row>
    <row r="98" spans="1:39" s="32" customFormat="1" ht="16.5" customHeight="1" x14ac:dyDescent="0.25">
      <c r="A98" s="48"/>
      <c r="B98" s="48"/>
      <c r="C98" s="63"/>
      <c r="D98" s="63"/>
    </row>
    <row r="99" spans="1:39" s="37" customFormat="1" ht="18" customHeight="1" x14ac:dyDescent="0.25"/>
    <row r="100" spans="1:39" s="31" customFormat="1" ht="33" customHeight="1" x14ac:dyDescent="0.25">
      <c r="A100" s="221"/>
      <c r="B100" s="221"/>
    </row>
    <row r="101" spans="1:39" s="31" customFormat="1" ht="22.5" customHeight="1" x14ac:dyDescent="0.25">
      <c r="A101" s="47"/>
      <c r="B101" s="47"/>
    </row>
    <row r="102" spans="1:3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</row>
    <row r="103" spans="1:39" s="32" customFormat="1" ht="28.5" customHeight="1" x14ac:dyDescent="0.25">
      <c r="A103" s="48"/>
      <c r="B103" s="48"/>
    </row>
    <row r="104" spans="1:39" s="32" customFormat="1" ht="28.5" customHeight="1" x14ac:dyDescent="0.25">
      <c r="A104" s="48"/>
      <c r="B104" s="48"/>
      <c r="C104" s="63"/>
      <c r="D104" s="63"/>
    </row>
    <row r="105" spans="1:39" s="32" customFormat="1" ht="28.5" customHeight="1" x14ac:dyDescent="0.25">
      <c r="A105" s="48"/>
      <c r="B105" s="48"/>
      <c r="C105" s="63"/>
      <c r="D105" s="63"/>
    </row>
    <row r="106" spans="1:39" s="32" customFormat="1" ht="16.5" customHeight="1" x14ac:dyDescent="0.25">
      <c r="A106" s="48"/>
      <c r="B106" s="48"/>
      <c r="C106" s="63"/>
      <c r="D106" s="63"/>
    </row>
    <row r="107" spans="1:39" s="37" customFormat="1" ht="40.5" customHeight="1" x14ac:dyDescent="0.25"/>
    <row r="108" spans="1:39" s="31" customFormat="1" ht="33" customHeight="1" x14ac:dyDescent="0.25">
      <c r="A108" s="221"/>
      <c r="B108" s="221"/>
    </row>
    <row r="109" spans="1:39" s="31" customFormat="1" ht="22.5" customHeight="1" x14ac:dyDescent="0.25">
      <c r="A109" s="47"/>
      <c r="B109" s="47"/>
    </row>
    <row r="110" spans="1:3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</row>
    <row r="111" spans="1:39" s="32" customFormat="1" ht="28.5" customHeight="1" x14ac:dyDescent="0.25">
      <c r="A111" s="48"/>
      <c r="B111" s="48"/>
    </row>
    <row r="112" spans="1:39" s="32" customFormat="1" ht="28.5" customHeight="1" x14ac:dyDescent="0.25">
      <c r="A112" s="48"/>
      <c r="B112" s="48"/>
      <c r="C112" s="63"/>
      <c r="D112" s="63"/>
    </row>
    <row r="113" spans="1:39" s="32" customFormat="1" ht="28.5" customHeight="1" x14ac:dyDescent="0.25">
      <c r="A113" s="48"/>
      <c r="B113" s="48"/>
      <c r="C113" s="63"/>
      <c r="D113" s="63"/>
    </row>
    <row r="114" spans="1:39" s="32" customFormat="1" ht="16.5" customHeight="1" x14ac:dyDescent="0.25">
      <c r="A114" s="48"/>
      <c r="B114" s="48"/>
      <c r="C114" s="63"/>
      <c r="D114" s="63"/>
    </row>
    <row r="115" spans="1:39" s="37" customFormat="1" ht="18" customHeight="1" x14ac:dyDescent="0.25"/>
    <row r="116" spans="1:39" s="31" customFormat="1" ht="33" customHeight="1" x14ac:dyDescent="0.25">
      <c r="A116" s="221"/>
      <c r="B116" s="221"/>
    </row>
    <row r="117" spans="1:39" s="31" customFormat="1" ht="22.5" customHeight="1" x14ac:dyDescent="0.25">
      <c r="A117" s="47"/>
      <c r="B117" s="47"/>
    </row>
    <row r="118" spans="1:3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</row>
    <row r="119" spans="1:39" s="32" customFormat="1" ht="28.5" customHeight="1" x14ac:dyDescent="0.25">
      <c r="A119" s="48"/>
      <c r="B119" s="48"/>
    </row>
    <row r="120" spans="1:39" s="32" customFormat="1" ht="28.5" customHeight="1" x14ac:dyDescent="0.25">
      <c r="A120" s="48"/>
      <c r="B120" s="48"/>
      <c r="C120" s="63"/>
      <c r="D120" s="63"/>
    </row>
    <row r="121" spans="1:39" s="32" customFormat="1" ht="28.5" customHeight="1" x14ac:dyDescent="0.25">
      <c r="A121" s="48"/>
      <c r="B121" s="48"/>
      <c r="C121" s="63"/>
      <c r="D121" s="63"/>
    </row>
    <row r="122" spans="1:39" s="32" customFormat="1" ht="16.5" customHeight="1" x14ac:dyDescent="0.25">
      <c r="A122" s="48"/>
      <c r="B122" s="48"/>
      <c r="C122" s="63"/>
      <c r="D122" s="63"/>
    </row>
    <row r="123" spans="1:39" s="37" customFormat="1" ht="18" customHeight="1" x14ac:dyDescent="0.25"/>
    <row r="124" spans="1:39" s="31" customFormat="1" ht="33" customHeight="1" x14ac:dyDescent="0.25">
      <c r="A124" s="221"/>
      <c r="B124" s="221"/>
    </row>
    <row r="125" spans="1:39" s="31" customFormat="1" ht="22.5" customHeight="1" x14ac:dyDescent="0.25">
      <c r="A125" s="47"/>
      <c r="B125" s="47"/>
    </row>
    <row r="126" spans="1:3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</row>
    <row r="127" spans="1:39" s="32" customFormat="1" ht="28.5" customHeight="1" x14ac:dyDescent="0.25">
      <c r="A127" s="48"/>
      <c r="B127" s="48"/>
    </row>
    <row r="128" spans="1:39" s="32" customFormat="1" ht="28.5" customHeight="1" x14ac:dyDescent="0.25">
      <c r="A128" s="48"/>
      <c r="B128" s="48"/>
      <c r="C128" s="63"/>
      <c r="D128" s="63"/>
    </row>
    <row r="129" spans="1:39" s="32" customFormat="1" ht="28.5" customHeight="1" x14ac:dyDescent="0.25">
      <c r="A129" s="48"/>
      <c r="B129" s="48"/>
      <c r="C129" s="63"/>
      <c r="D129" s="63"/>
    </row>
    <row r="130" spans="1:39" s="32" customFormat="1" ht="16.5" customHeight="1" x14ac:dyDescent="0.25">
      <c r="A130" s="48"/>
      <c r="B130" s="48"/>
      <c r="C130" s="63"/>
      <c r="D130" s="63"/>
    </row>
    <row r="131" spans="1:39" s="37" customFormat="1" ht="18" customHeight="1" x14ac:dyDescent="0.25"/>
    <row r="132" spans="1:39" s="31" customFormat="1" ht="33" customHeight="1" x14ac:dyDescent="0.25">
      <c r="A132" s="221"/>
      <c r="B132" s="221"/>
    </row>
    <row r="133" spans="1:39" s="31" customFormat="1" ht="22.5" customHeight="1" x14ac:dyDescent="0.25">
      <c r="A133" s="47"/>
      <c r="B133" s="47"/>
    </row>
    <row r="134" spans="1:3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</row>
    <row r="135" spans="1:39" s="32" customFormat="1" ht="28.5" customHeight="1" x14ac:dyDescent="0.25">
      <c r="A135" s="48"/>
      <c r="B135" s="48"/>
    </row>
    <row r="136" spans="1:39" s="32" customFormat="1" ht="28.5" customHeight="1" x14ac:dyDescent="0.25">
      <c r="A136" s="48"/>
      <c r="B136" s="48"/>
      <c r="C136" s="63"/>
      <c r="D136" s="63"/>
    </row>
    <row r="137" spans="1:39" s="32" customFormat="1" ht="28.5" customHeight="1" x14ac:dyDescent="0.25">
      <c r="A137" s="48"/>
      <c r="B137" s="48"/>
      <c r="C137" s="63"/>
      <c r="D137" s="63"/>
    </row>
    <row r="138" spans="1:39" s="32" customFormat="1" ht="16.5" customHeight="1" x14ac:dyDescent="0.25">
      <c r="A138" s="48"/>
      <c r="B138" s="48"/>
      <c r="C138" s="63"/>
      <c r="D138" s="63"/>
    </row>
    <row r="139" spans="1:39" s="37" customFormat="1" ht="18" customHeight="1" x14ac:dyDescent="0.25"/>
    <row r="140" spans="1:39" s="31" customFormat="1" ht="33" customHeight="1" x14ac:dyDescent="0.25">
      <c r="A140" s="221"/>
      <c r="B140" s="221"/>
    </row>
    <row r="141" spans="1:39" s="31" customFormat="1" ht="22.5" customHeight="1" x14ac:dyDescent="0.25">
      <c r="A141" s="47"/>
      <c r="B141" s="47"/>
    </row>
    <row r="142" spans="1:3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</row>
    <row r="143" spans="1:39" s="32" customFormat="1" ht="28.5" customHeight="1" x14ac:dyDescent="0.25">
      <c r="A143" s="48"/>
      <c r="B143" s="48"/>
    </row>
    <row r="144" spans="1:39" s="32" customFormat="1" ht="28.5" customHeight="1" x14ac:dyDescent="0.25">
      <c r="A144" s="48"/>
      <c r="B144" s="48"/>
      <c r="C144" s="63"/>
      <c r="D144" s="63"/>
    </row>
    <row r="145" spans="1:39" s="32" customFormat="1" ht="28.5" customHeight="1" x14ac:dyDescent="0.25">
      <c r="A145" s="48"/>
      <c r="B145" s="48"/>
      <c r="C145" s="63"/>
      <c r="D145" s="63"/>
    </row>
    <row r="146" spans="1:39" s="32" customFormat="1" ht="16.5" customHeight="1" x14ac:dyDescent="0.25">
      <c r="A146" s="48"/>
      <c r="B146" s="48"/>
      <c r="C146" s="63"/>
      <c r="D146" s="63"/>
    </row>
    <row r="147" spans="1:39" s="37" customFormat="1" ht="18" customHeight="1" x14ac:dyDescent="0.25"/>
    <row r="148" spans="1:39" s="31" customFormat="1" ht="33" customHeight="1" x14ac:dyDescent="0.25">
      <c r="A148" s="221"/>
      <c r="B148" s="221"/>
    </row>
    <row r="149" spans="1:39" s="31" customFormat="1" ht="22.5" customHeight="1" x14ac:dyDescent="0.25">
      <c r="A149" s="47"/>
      <c r="B149" s="47"/>
    </row>
    <row r="150" spans="1:3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</row>
    <row r="151" spans="1:39" s="32" customFormat="1" ht="28.5" customHeight="1" x14ac:dyDescent="0.25">
      <c r="A151" s="48"/>
      <c r="B151" s="48"/>
    </row>
    <row r="152" spans="1:39" s="32" customFormat="1" ht="28.5" customHeight="1" x14ac:dyDescent="0.25">
      <c r="A152" s="48"/>
      <c r="B152" s="48"/>
      <c r="C152" s="63"/>
      <c r="D152" s="63"/>
    </row>
    <row r="153" spans="1:39" s="32" customFormat="1" ht="28.5" customHeight="1" x14ac:dyDescent="0.25">
      <c r="A153" s="48"/>
      <c r="B153" s="48"/>
      <c r="C153" s="63"/>
      <c r="D153" s="63"/>
    </row>
    <row r="154" spans="1:39" s="32" customFormat="1" ht="16.5" customHeight="1" x14ac:dyDescent="0.25">
      <c r="A154" s="48"/>
      <c r="B154" s="48"/>
      <c r="C154" s="63"/>
      <c r="D154" s="63"/>
    </row>
    <row r="155" spans="1:39" s="37" customFormat="1" ht="18" customHeight="1" x14ac:dyDescent="0.25"/>
    <row r="156" spans="1:39" s="31" customFormat="1" ht="33" customHeight="1" x14ac:dyDescent="0.25">
      <c r="A156" s="221"/>
      <c r="B156" s="221"/>
    </row>
    <row r="157" spans="1:39" s="31" customFormat="1" ht="22.5" customHeight="1" x14ac:dyDescent="0.25">
      <c r="A157" s="47"/>
      <c r="B157" s="47"/>
    </row>
    <row r="158" spans="1:3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</row>
    <row r="159" spans="1:39" s="32" customFormat="1" ht="28.5" customHeight="1" x14ac:dyDescent="0.25">
      <c r="A159" s="48"/>
      <c r="B159" s="48"/>
    </row>
    <row r="160" spans="1:39" s="32" customFormat="1" ht="28.5" customHeight="1" x14ac:dyDescent="0.25">
      <c r="A160" s="48"/>
      <c r="B160" s="48"/>
      <c r="C160" s="63"/>
      <c r="D160" s="63"/>
    </row>
    <row r="161" spans="1:39" s="32" customFormat="1" ht="28.5" customHeight="1" x14ac:dyDescent="0.25">
      <c r="A161" s="48"/>
      <c r="B161" s="48"/>
      <c r="C161" s="63"/>
      <c r="D161" s="63"/>
    </row>
    <row r="162" spans="1:39" s="32" customFormat="1" ht="16.5" customHeight="1" x14ac:dyDescent="0.25">
      <c r="A162" s="48"/>
      <c r="B162" s="48"/>
      <c r="C162" s="63"/>
      <c r="D162" s="63"/>
    </row>
    <row r="163" spans="1:39" s="37" customFormat="1" ht="18" customHeight="1" x14ac:dyDescent="0.25"/>
    <row r="164" spans="1:39" s="31" customFormat="1" ht="33" customHeight="1" x14ac:dyDescent="0.25">
      <c r="A164" s="221"/>
      <c r="B164" s="221"/>
    </row>
    <row r="165" spans="1:39" s="31" customFormat="1" ht="22.5" customHeight="1" x14ac:dyDescent="0.25">
      <c r="A165" s="47"/>
      <c r="B165" s="47"/>
    </row>
    <row r="166" spans="1:3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</row>
    <row r="167" spans="1:39" s="32" customFormat="1" ht="28.5" customHeight="1" x14ac:dyDescent="0.25">
      <c r="A167" s="48"/>
      <c r="B167" s="48"/>
    </row>
    <row r="168" spans="1:39" s="32" customFormat="1" ht="28.5" customHeight="1" x14ac:dyDescent="0.25">
      <c r="A168" s="48"/>
      <c r="B168" s="48"/>
      <c r="C168" s="63"/>
      <c r="D168" s="63"/>
    </row>
    <row r="169" spans="1:39" s="32" customFormat="1" ht="28.5" customHeight="1" x14ac:dyDescent="0.25">
      <c r="A169" s="48"/>
      <c r="B169" s="48"/>
      <c r="C169" s="63"/>
      <c r="D169" s="63"/>
    </row>
    <row r="170" spans="1:39" s="32" customFormat="1" ht="16.5" customHeight="1" x14ac:dyDescent="0.25">
      <c r="A170" s="48"/>
      <c r="B170" s="48"/>
      <c r="C170" s="63"/>
      <c r="D170" s="63"/>
    </row>
    <row r="171" spans="1:39" s="37" customFormat="1" ht="18" customHeight="1" x14ac:dyDescent="0.25"/>
    <row r="172" spans="1:39" s="31" customFormat="1" ht="33" customHeight="1" x14ac:dyDescent="0.25">
      <c r="A172" s="221"/>
      <c r="B172" s="221"/>
    </row>
    <row r="173" spans="1:39" s="31" customFormat="1" ht="22.5" customHeight="1" x14ac:dyDescent="0.25">
      <c r="A173" s="47"/>
      <c r="B173" s="47"/>
    </row>
    <row r="174" spans="1:3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</row>
    <row r="175" spans="1:39" s="32" customFormat="1" ht="28.5" customHeight="1" x14ac:dyDescent="0.25">
      <c r="A175" s="48"/>
      <c r="B175" s="48"/>
    </row>
    <row r="176" spans="1:3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25" priority="13">
      <formula>LEN(TRIM(B189))=0</formula>
    </cfRule>
  </conditionalFormatting>
  <conditionalFormatting sqref="B190:C190">
    <cfRule type="containsBlanks" dxfId="24" priority="12">
      <formula>LEN(TRIM(B190))=0</formula>
    </cfRule>
  </conditionalFormatting>
  <conditionalFormatting sqref="H187:I187">
    <cfRule type="containsBlanks" dxfId="23" priority="11">
      <formula>LEN(TRIM(H187))=0</formula>
    </cfRule>
  </conditionalFormatting>
  <conditionalFormatting sqref="H188:I188">
    <cfRule type="containsBlanks" dxfId="22" priority="10">
      <formula>LEN(TRIM(H188))=0</formula>
    </cfRule>
  </conditionalFormatting>
  <conditionalFormatting sqref="C180:D182">
    <cfRule type="containsBlanks" dxfId="21" priority="9">
      <formula>LEN(TRIM(C180))=0</formula>
    </cfRule>
  </conditionalFormatting>
  <conditionalFormatting sqref="C184:D186">
    <cfRule type="containsBlanks" dxfId="20" priority="8">
      <formula>LEN(TRIM(C184))=0</formula>
    </cfRule>
  </conditionalFormatting>
  <conditionalFormatting sqref="J15:J19">
    <cfRule type="cellIs" dxfId="19" priority="7" operator="greaterThan">
      <formula>2560820</formula>
    </cfRule>
  </conditionalFormatting>
  <conditionalFormatting sqref="B31:C31">
    <cfRule type="containsBlanks" dxfId="18" priority="6">
      <formula>LEN(TRIM(B31))=0</formula>
    </cfRule>
  </conditionalFormatting>
  <conditionalFormatting sqref="B32:C32">
    <cfRule type="containsBlanks" dxfId="17" priority="5">
      <formula>LEN(TRIM(B32))=0</formula>
    </cfRule>
  </conditionalFormatting>
  <conditionalFormatting sqref="H29:I29">
    <cfRule type="containsBlanks" dxfId="16" priority="4">
      <formula>LEN(TRIM(H29))=0</formula>
    </cfRule>
  </conditionalFormatting>
  <conditionalFormatting sqref="H30:I30">
    <cfRule type="containsBlanks" dxfId="15" priority="3">
      <formula>LEN(TRIM(H30))=0</formula>
    </cfRule>
  </conditionalFormatting>
  <conditionalFormatting sqref="C22:D24">
    <cfRule type="containsBlanks" dxfId="14" priority="2">
      <formula>LEN(TRIM(C22))=0</formula>
    </cfRule>
  </conditionalFormatting>
  <conditionalFormatting sqref="C26:D28">
    <cfRule type="containsBlanks" dxfId="1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U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92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  <c r="T5" s="166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44.25" customHeight="1" thickBot="1" x14ac:dyDescent="0.3">
      <c r="A8" s="113" t="s">
        <v>0</v>
      </c>
      <c r="B8" s="155" t="s">
        <v>193</v>
      </c>
      <c r="C8" s="162" t="s">
        <v>194</v>
      </c>
      <c r="D8" s="155" t="s">
        <v>193</v>
      </c>
      <c r="E8" s="205" t="s">
        <v>65</v>
      </c>
      <c r="F8" s="200" t="s">
        <v>102</v>
      </c>
      <c r="G8" s="161" t="s">
        <v>68</v>
      </c>
      <c r="H8" s="155" t="s">
        <v>91</v>
      </c>
      <c r="I8" s="255">
        <v>46959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  <c r="T8" s="168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20" s="71" customFormat="1" ht="30" customHeight="1" x14ac:dyDescent="0.25">
      <c r="A11" s="215" t="s">
        <v>195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17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21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21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21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21" x14ac:dyDescent="0.2">
      <c r="A36" s="60"/>
      <c r="B36" s="49" t="s">
        <v>10</v>
      </c>
    </row>
    <row r="37" spans="1:21" s="31" customFormat="1" ht="22.5" customHeight="1" x14ac:dyDescent="0.25">
      <c r="A37" s="47"/>
      <c r="B37" s="47"/>
    </row>
    <row r="38" spans="1:21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</row>
    <row r="39" spans="1:21" s="32" customFormat="1" ht="28.5" customHeight="1" x14ac:dyDescent="0.25">
      <c r="A39" s="48"/>
      <c r="B39" s="48"/>
    </row>
    <row r="40" spans="1:21" s="32" customFormat="1" ht="28.5" customHeight="1" x14ac:dyDescent="0.25">
      <c r="A40" s="48"/>
      <c r="B40" s="48"/>
      <c r="C40" s="63"/>
      <c r="D40" s="63"/>
    </row>
    <row r="41" spans="1:21" s="32" customFormat="1" ht="28.5" customHeight="1" x14ac:dyDescent="0.25">
      <c r="A41" s="48"/>
      <c r="B41" s="48"/>
      <c r="C41" s="63"/>
      <c r="D41" s="63"/>
    </row>
    <row r="42" spans="1:21" s="32" customFormat="1" ht="16.5" customHeight="1" x14ac:dyDescent="0.25">
      <c r="A42" s="48"/>
      <c r="B42" s="48"/>
      <c r="C42" s="63"/>
      <c r="D42" s="63"/>
    </row>
    <row r="43" spans="1:21" s="37" customFormat="1" ht="18" customHeight="1" x14ac:dyDescent="0.25"/>
    <row r="44" spans="1:21" s="31" customFormat="1" ht="33" customHeight="1" x14ac:dyDescent="0.25">
      <c r="A44" s="221"/>
      <c r="B44" s="221"/>
    </row>
    <row r="45" spans="1:21" s="31" customFormat="1" ht="22.5" customHeight="1" x14ac:dyDescent="0.25">
      <c r="A45" s="47"/>
      <c r="B45" s="47"/>
    </row>
    <row r="46" spans="1:21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</row>
    <row r="47" spans="1:21" s="32" customFormat="1" ht="28.5" customHeight="1" x14ac:dyDescent="0.25">
      <c r="A47" s="48"/>
      <c r="B47" s="48"/>
    </row>
    <row r="48" spans="1:21" s="32" customFormat="1" ht="28.5" customHeight="1" x14ac:dyDescent="0.25">
      <c r="A48" s="48"/>
      <c r="B48" s="48"/>
      <c r="C48" s="63"/>
      <c r="D48" s="63"/>
    </row>
    <row r="49" spans="1:21" s="32" customFormat="1" ht="28.5" customHeight="1" x14ac:dyDescent="0.25">
      <c r="A49" s="48"/>
      <c r="B49" s="48"/>
      <c r="C49" s="63"/>
      <c r="D49" s="63"/>
    </row>
    <row r="50" spans="1:21" s="32" customFormat="1" ht="16.5" customHeight="1" x14ac:dyDescent="0.25">
      <c r="A50" s="48"/>
      <c r="B50" s="48"/>
      <c r="C50" s="63"/>
      <c r="D50" s="63"/>
    </row>
    <row r="51" spans="1:21" s="37" customFormat="1" ht="18" customHeight="1" x14ac:dyDescent="0.25"/>
    <row r="52" spans="1:21" s="31" customFormat="1" ht="33" customHeight="1" x14ac:dyDescent="0.25">
      <c r="A52" s="221"/>
      <c r="B52" s="221"/>
    </row>
    <row r="53" spans="1:21" s="31" customFormat="1" ht="22.5" customHeight="1" x14ac:dyDescent="0.25">
      <c r="A53" s="47"/>
      <c r="B53" s="47"/>
    </row>
    <row r="54" spans="1:21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</row>
    <row r="55" spans="1:21" s="32" customFormat="1" ht="28.5" customHeight="1" x14ac:dyDescent="0.25">
      <c r="A55" s="48"/>
      <c r="B55" s="48"/>
    </row>
    <row r="56" spans="1:21" s="32" customFormat="1" ht="28.5" customHeight="1" x14ac:dyDescent="0.25">
      <c r="A56" s="48"/>
      <c r="B56" s="48"/>
      <c r="C56" s="63"/>
      <c r="D56" s="63"/>
    </row>
    <row r="57" spans="1:21" s="32" customFormat="1" ht="28.5" customHeight="1" x14ac:dyDescent="0.25">
      <c r="A57" s="48"/>
      <c r="B57" s="48"/>
      <c r="C57" s="63"/>
      <c r="D57" s="63"/>
    </row>
    <row r="58" spans="1:21" s="32" customFormat="1" ht="16.5" customHeight="1" x14ac:dyDescent="0.25">
      <c r="A58" s="48"/>
      <c r="B58" s="48"/>
      <c r="C58" s="63"/>
      <c r="D58" s="63"/>
    </row>
    <row r="59" spans="1:21" s="37" customFormat="1" ht="18" customHeight="1" x14ac:dyDescent="0.25"/>
    <row r="60" spans="1:21" s="31" customFormat="1" ht="33" customHeight="1" x14ac:dyDescent="0.25">
      <c r="A60" s="221"/>
      <c r="B60" s="221"/>
    </row>
    <row r="61" spans="1:21" s="31" customFormat="1" ht="22.5" customHeight="1" x14ac:dyDescent="0.25">
      <c r="A61" s="47"/>
      <c r="B61" s="47"/>
    </row>
    <row r="62" spans="1:21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</row>
    <row r="63" spans="1:21" s="32" customFormat="1" ht="28.5" customHeight="1" x14ac:dyDescent="0.25">
      <c r="A63" s="48"/>
      <c r="B63" s="48"/>
    </row>
    <row r="64" spans="1:21" s="32" customFormat="1" ht="28.5" customHeight="1" x14ac:dyDescent="0.25">
      <c r="A64" s="48"/>
      <c r="B64" s="48"/>
      <c r="C64" s="63"/>
      <c r="D64" s="63"/>
    </row>
    <row r="65" spans="1:21" s="32" customFormat="1" ht="28.5" customHeight="1" x14ac:dyDescent="0.25">
      <c r="A65" s="48"/>
      <c r="B65" s="48"/>
      <c r="C65" s="63"/>
      <c r="D65" s="63"/>
    </row>
    <row r="66" spans="1:21" s="32" customFormat="1" ht="16.5" customHeight="1" x14ac:dyDescent="0.25">
      <c r="A66" s="48"/>
      <c r="B66" s="48"/>
      <c r="C66" s="63"/>
      <c r="D66" s="63"/>
    </row>
    <row r="67" spans="1:21" s="37" customFormat="1" ht="18" customHeight="1" x14ac:dyDescent="0.25"/>
    <row r="68" spans="1:21" s="31" customFormat="1" ht="33" customHeight="1" x14ac:dyDescent="0.25">
      <c r="A68" s="221"/>
      <c r="B68" s="221"/>
    </row>
    <row r="69" spans="1:21" s="31" customFormat="1" ht="22.5" customHeight="1" x14ac:dyDescent="0.25">
      <c r="A69" s="47"/>
      <c r="B69" s="47"/>
    </row>
    <row r="70" spans="1:21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</row>
    <row r="71" spans="1:21" s="32" customFormat="1" ht="28.5" customHeight="1" x14ac:dyDescent="0.25">
      <c r="A71" s="48"/>
      <c r="B71" s="48"/>
    </row>
    <row r="72" spans="1:21" s="32" customFormat="1" ht="28.5" customHeight="1" x14ac:dyDescent="0.25">
      <c r="A72" s="48"/>
      <c r="B72" s="48"/>
      <c r="C72" s="63"/>
      <c r="D72" s="63"/>
    </row>
    <row r="73" spans="1:21" s="32" customFormat="1" ht="28.5" customHeight="1" x14ac:dyDescent="0.25">
      <c r="A73" s="48"/>
      <c r="B73" s="48"/>
      <c r="C73" s="63"/>
      <c r="D73" s="63"/>
    </row>
    <row r="74" spans="1:21" s="32" customFormat="1" ht="16.5" customHeight="1" x14ac:dyDescent="0.25">
      <c r="A74" s="48"/>
      <c r="B74" s="48"/>
      <c r="C74" s="63"/>
      <c r="D74" s="63"/>
    </row>
    <row r="75" spans="1:21" s="37" customFormat="1" ht="18" customHeight="1" x14ac:dyDescent="0.25"/>
    <row r="76" spans="1:21" s="31" customFormat="1" ht="33" customHeight="1" x14ac:dyDescent="0.25">
      <c r="A76" s="221"/>
      <c r="B76" s="221"/>
    </row>
    <row r="77" spans="1:21" s="31" customFormat="1" ht="22.5" customHeight="1" x14ac:dyDescent="0.25">
      <c r="A77" s="47"/>
      <c r="B77" s="47"/>
    </row>
    <row r="78" spans="1:21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</row>
    <row r="79" spans="1:21" s="32" customFormat="1" ht="28.5" customHeight="1" x14ac:dyDescent="0.25">
      <c r="A79" s="48"/>
      <c r="B79" s="48"/>
    </row>
    <row r="80" spans="1:21" s="32" customFormat="1" ht="28.5" customHeight="1" x14ac:dyDescent="0.25">
      <c r="A80" s="48"/>
      <c r="B80" s="48"/>
      <c r="C80" s="63"/>
      <c r="D80" s="63"/>
    </row>
    <row r="81" spans="1:21" s="32" customFormat="1" ht="28.5" customHeight="1" x14ac:dyDescent="0.25">
      <c r="A81" s="48"/>
      <c r="B81" s="48"/>
      <c r="C81" s="63"/>
      <c r="D81" s="63"/>
    </row>
    <row r="82" spans="1:21" s="32" customFormat="1" ht="16.5" customHeight="1" x14ac:dyDescent="0.25">
      <c r="A82" s="48"/>
      <c r="B82" s="48"/>
      <c r="C82" s="63"/>
      <c r="D82" s="63"/>
    </row>
    <row r="83" spans="1:21" s="37" customFormat="1" ht="18" customHeight="1" x14ac:dyDescent="0.25"/>
    <row r="84" spans="1:21" s="31" customFormat="1" ht="33" customHeight="1" x14ac:dyDescent="0.25">
      <c r="A84" s="221"/>
      <c r="B84" s="221"/>
    </row>
    <row r="85" spans="1:21" s="31" customFormat="1" ht="22.5" customHeight="1" x14ac:dyDescent="0.25">
      <c r="A85" s="47"/>
      <c r="B85" s="47"/>
    </row>
    <row r="86" spans="1:21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</row>
    <row r="87" spans="1:21" s="32" customFormat="1" ht="28.5" customHeight="1" x14ac:dyDescent="0.25">
      <c r="A87" s="48"/>
      <c r="B87" s="48"/>
    </row>
    <row r="88" spans="1:21" s="32" customFormat="1" ht="28.5" customHeight="1" x14ac:dyDescent="0.25">
      <c r="A88" s="48"/>
      <c r="B88" s="48"/>
      <c r="C88" s="63"/>
      <c r="D88" s="63"/>
    </row>
    <row r="89" spans="1:21" s="32" customFormat="1" ht="28.5" customHeight="1" x14ac:dyDescent="0.25">
      <c r="A89" s="48"/>
      <c r="B89" s="48"/>
      <c r="C89" s="63"/>
      <c r="D89" s="63"/>
    </row>
    <row r="90" spans="1:21" s="32" customFormat="1" ht="16.5" customHeight="1" x14ac:dyDescent="0.25">
      <c r="A90" s="48"/>
      <c r="B90" s="48"/>
      <c r="C90" s="63"/>
      <c r="D90" s="63"/>
    </row>
    <row r="91" spans="1:21" s="37" customFormat="1" ht="18" customHeight="1" x14ac:dyDescent="0.25"/>
    <row r="92" spans="1:21" s="31" customFormat="1" ht="33" customHeight="1" x14ac:dyDescent="0.25">
      <c r="A92" s="221"/>
      <c r="B92" s="221"/>
    </row>
    <row r="93" spans="1:21" s="31" customFormat="1" ht="22.5" customHeight="1" x14ac:dyDescent="0.25">
      <c r="A93" s="47"/>
      <c r="B93" s="47"/>
    </row>
    <row r="94" spans="1:21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</row>
    <row r="95" spans="1:21" s="32" customFormat="1" ht="28.5" customHeight="1" x14ac:dyDescent="0.25">
      <c r="A95" s="48"/>
      <c r="B95" s="48"/>
    </row>
    <row r="96" spans="1:21" s="32" customFormat="1" ht="28.5" customHeight="1" x14ac:dyDescent="0.25">
      <c r="A96" s="48"/>
      <c r="B96" s="48"/>
      <c r="C96" s="63"/>
      <c r="D96" s="63"/>
    </row>
    <row r="97" spans="1:21" s="32" customFormat="1" ht="28.5" customHeight="1" x14ac:dyDescent="0.25">
      <c r="A97" s="48"/>
      <c r="B97" s="48"/>
      <c r="C97" s="63"/>
      <c r="D97" s="63"/>
    </row>
    <row r="98" spans="1:21" s="32" customFormat="1" ht="16.5" customHeight="1" x14ac:dyDescent="0.25">
      <c r="A98" s="48"/>
      <c r="B98" s="48"/>
      <c r="C98" s="63"/>
      <c r="D98" s="63"/>
    </row>
    <row r="99" spans="1:21" s="37" customFormat="1" ht="18" customHeight="1" x14ac:dyDescent="0.25"/>
    <row r="100" spans="1:21" s="31" customFormat="1" ht="33" customHeight="1" x14ac:dyDescent="0.25">
      <c r="A100" s="221"/>
      <c r="B100" s="221"/>
    </row>
    <row r="101" spans="1:21" s="31" customFormat="1" ht="22.5" customHeight="1" x14ac:dyDescent="0.25">
      <c r="A101" s="47"/>
      <c r="B101" s="47"/>
    </row>
    <row r="102" spans="1:21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</row>
    <row r="103" spans="1:21" s="32" customFormat="1" ht="28.5" customHeight="1" x14ac:dyDescent="0.25">
      <c r="A103" s="48"/>
      <c r="B103" s="48"/>
    </row>
    <row r="104" spans="1:21" s="32" customFormat="1" ht="28.5" customHeight="1" x14ac:dyDescent="0.25">
      <c r="A104" s="48"/>
      <c r="B104" s="48"/>
      <c r="C104" s="63"/>
      <c r="D104" s="63"/>
    </row>
    <row r="105" spans="1:21" s="32" customFormat="1" ht="28.5" customHeight="1" x14ac:dyDescent="0.25">
      <c r="A105" s="48"/>
      <c r="B105" s="48"/>
      <c r="C105" s="63"/>
      <c r="D105" s="63"/>
    </row>
    <row r="106" spans="1:21" s="32" customFormat="1" ht="16.5" customHeight="1" x14ac:dyDescent="0.25">
      <c r="A106" s="48"/>
      <c r="B106" s="48"/>
      <c r="C106" s="63"/>
      <c r="D106" s="63"/>
    </row>
    <row r="107" spans="1:21" s="37" customFormat="1" ht="40.5" customHeight="1" x14ac:dyDescent="0.25"/>
    <row r="108" spans="1:21" s="31" customFormat="1" ht="33" customHeight="1" x14ac:dyDescent="0.25">
      <c r="A108" s="221"/>
      <c r="B108" s="221"/>
    </row>
    <row r="109" spans="1:21" s="31" customFormat="1" ht="22.5" customHeight="1" x14ac:dyDescent="0.25">
      <c r="A109" s="47"/>
      <c r="B109" s="47"/>
    </row>
    <row r="110" spans="1:21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</row>
    <row r="111" spans="1:21" s="32" customFormat="1" ht="28.5" customHeight="1" x14ac:dyDescent="0.25">
      <c r="A111" s="48"/>
      <c r="B111" s="48"/>
    </row>
    <row r="112" spans="1:21" s="32" customFormat="1" ht="28.5" customHeight="1" x14ac:dyDescent="0.25">
      <c r="A112" s="48"/>
      <c r="B112" s="48"/>
      <c r="C112" s="63"/>
      <c r="D112" s="63"/>
    </row>
    <row r="113" spans="1:21" s="32" customFormat="1" ht="28.5" customHeight="1" x14ac:dyDescent="0.25">
      <c r="A113" s="48"/>
      <c r="B113" s="48"/>
      <c r="C113" s="63"/>
      <c r="D113" s="63"/>
    </row>
    <row r="114" spans="1:21" s="32" customFormat="1" ht="16.5" customHeight="1" x14ac:dyDescent="0.25">
      <c r="A114" s="48"/>
      <c r="B114" s="48"/>
      <c r="C114" s="63"/>
      <c r="D114" s="63"/>
    </row>
    <row r="115" spans="1:21" s="37" customFormat="1" ht="18" customHeight="1" x14ac:dyDescent="0.25"/>
    <row r="116" spans="1:21" s="31" customFormat="1" ht="33" customHeight="1" x14ac:dyDescent="0.25">
      <c r="A116" s="221"/>
      <c r="B116" s="221"/>
    </row>
    <row r="117" spans="1:21" s="31" customFormat="1" ht="22.5" customHeight="1" x14ac:dyDescent="0.25">
      <c r="A117" s="47"/>
      <c r="B117" s="47"/>
    </row>
    <row r="118" spans="1:21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</row>
    <row r="119" spans="1:21" s="32" customFormat="1" ht="28.5" customHeight="1" x14ac:dyDescent="0.25">
      <c r="A119" s="48"/>
      <c r="B119" s="48"/>
    </row>
    <row r="120" spans="1:21" s="32" customFormat="1" ht="28.5" customHeight="1" x14ac:dyDescent="0.25">
      <c r="A120" s="48"/>
      <c r="B120" s="48"/>
      <c r="C120" s="63"/>
      <c r="D120" s="63"/>
    </row>
    <row r="121" spans="1:21" s="32" customFormat="1" ht="28.5" customHeight="1" x14ac:dyDescent="0.25">
      <c r="A121" s="48"/>
      <c r="B121" s="48"/>
      <c r="C121" s="63"/>
      <c r="D121" s="63"/>
    </row>
    <row r="122" spans="1:21" s="32" customFormat="1" ht="16.5" customHeight="1" x14ac:dyDescent="0.25">
      <c r="A122" s="48"/>
      <c r="B122" s="48"/>
      <c r="C122" s="63"/>
      <c r="D122" s="63"/>
    </row>
    <row r="123" spans="1:21" s="37" customFormat="1" ht="18" customHeight="1" x14ac:dyDescent="0.25"/>
    <row r="124" spans="1:21" s="31" customFormat="1" ht="33" customHeight="1" x14ac:dyDescent="0.25">
      <c r="A124" s="221"/>
      <c r="B124" s="221"/>
    </row>
    <row r="125" spans="1:21" s="31" customFormat="1" ht="22.5" customHeight="1" x14ac:dyDescent="0.25">
      <c r="A125" s="47"/>
      <c r="B125" s="47"/>
    </row>
    <row r="126" spans="1:21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</row>
    <row r="127" spans="1:21" s="32" customFormat="1" ht="28.5" customHeight="1" x14ac:dyDescent="0.25">
      <c r="A127" s="48"/>
      <c r="B127" s="48"/>
    </row>
    <row r="128" spans="1:21" s="32" customFormat="1" ht="28.5" customHeight="1" x14ac:dyDescent="0.25">
      <c r="A128" s="48"/>
      <c r="B128" s="48"/>
      <c r="C128" s="63"/>
      <c r="D128" s="63"/>
    </row>
    <row r="129" spans="1:21" s="32" customFormat="1" ht="28.5" customHeight="1" x14ac:dyDescent="0.25">
      <c r="A129" s="48"/>
      <c r="B129" s="48"/>
      <c r="C129" s="63"/>
      <c r="D129" s="63"/>
    </row>
    <row r="130" spans="1:21" s="32" customFormat="1" ht="16.5" customHeight="1" x14ac:dyDescent="0.25">
      <c r="A130" s="48"/>
      <c r="B130" s="48"/>
      <c r="C130" s="63"/>
      <c r="D130" s="63"/>
    </row>
    <row r="131" spans="1:21" s="37" customFormat="1" ht="18" customHeight="1" x14ac:dyDescent="0.25"/>
    <row r="132" spans="1:21" s="31" customFormat="1" ht="33" customHeight="1" x14ac:dyDescent="0.25">
      <c r="A132" s="221"/>
      <c r="B132" s="221"/>
    </row>
    <row r="133" spans="1:21" s="31" customFormat="1" ht="22.5" customHeight="1" x14ac:dyDescent="0.25">
      <c r="A133" s="47"/>
      <c r="B133" s="47"/>
    </row>
    <row r="134" spans="1:21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</row>
    <row r="135" spans="1:21" s="32" customFormat="1" ht="28.5" customHeight="1" x14ac:dyDescent="0.25">
      <c r="A135" s="48"/>
      <c r="B135" s="48"/>
    </row>
    <row r="136" spans="1:21" s="32" customFormat="1" ht="28.5" customHeight="1" x14ac:dyDescent="0.25">
      <c r="A136" s="48"/>
      <c r="B136" s="48"/>
      <c r="C136" s="63"/>
      <c r="D136" s="63"/>
    </row>
    <row r="137" spans="1:21" s="32" customFormat="1" ht="28.5" customHeight="1" x14ac:dyDescent="0.25">
      <c r="A137" s="48"/>
      <c r="B137" s="48"/>
      <c r="C137" s="63"/>
      <c r="D137" s="63"/>
    </row>
    <row r="138" spans="1:21" s="32" customFormat="1" ht="16.5" customHeight="1" x14ac:dyDescent="0.25">
      <c r="A138" s="48"/>
      <c r="B138" s="48"/>
      <c r="C138" s="63"/>
      <c r="D138" s="63"/>
    </row>
    <row r="139" spans="1:21" s="37" customFormat="1" ht="18" customHeight="1" x14ac:dyDescent="0.25"/>
    <row r="140" spans="1:21" s="31" customFormat="1" ht="33" customHeight="1" x14ac:dyDescent="0.25">
      <c r="A140" s="221"/>
      <c r="B140" s="221"/>
    </row>
    <row r="141" spans="1:21" s="31" customFormat="1" ht="22.5" customHeight="1" x14ac:dyDescent="0.25">
      <c r="A141" s="47"/>
      <c r="B141" s="47"/>
    </row>
    <row r="142" spans="1:21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</row>
    <row r="143" spans="1:21" s="32" customFormat="1" ht="28.5" customHeight="1" x14ac:dyDescent="0.25">
      <c r="A143" s="48"/>
      <c r="B143" s="48"/>
    </row>
    <row r="144" spans="1:21" s="32" customFormat="1" ht="28.5" customHeight="1" x14ac:dyDescent="0.25">
      <c r="A144" s="48"/>
      <c r="B144" s="48"/>
      <c r="C144" s="63"/>
      <c r="D144" s="63"/>
    </row>
    <row r="145" spans="1:21" s="32" customFormat="1" ht="28.5" customHeight="1" x14ac:dyDescent="0.25">
      <c r="A145" s="48"/>
      <c r="B145" s="48"/>
      <c r="C145" s="63"/>
      <c r="D145" s="63"/>
    </row>
    <row r="146" spans="1:21" s="32" customFormat="1" ht="16.5" customHeight="1" x14ac:dyDescent="0.25">
      <c r="A146" s="48"/>
      <c r="B146" s="48"/>
      <c r="C146" s="63"/>
      <c r="D146" s="63"/>
    </row>
    <row r="147" spans="1:21" s="37" customFormat="1" ht="18" customHeight="1" x14ac:dyDescent="0.25"/>
    <row r="148" spans="1:21" s="31" customFormat="1" ht="33" customHeight="1" x14ac:dyDescent="0.25">
      <c r="A148" s="221"/>
      <c r="B148" s="221"/>
    </row>
    <row r="149" spans="1:21" s="31" customFormat="1" ht="22.5" customHeight="1" x14ac:dyDescent="0.25">
      <c r="A149" s="47"/>
      <c r="B149" s="47"/>
    </row>
    <row r="150" spans="1:21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</row>
    <row r="151" spans="1:21" s="32" customFormat="1" ht="28.5" customHeight="1" x14ac:dyDescent="0.25">
      <c r="A151" s="48"/>
      <c r="B151" s="48"/>
    </row>
    <row r="152" spans="1:21" s="32" customFormat="1" ht="28.5" customHeight="1" x14ac:dyDescent="0.25">
      <c r="A152" s="48"/>
      <c r="B152" s="48"/>
      <c r="C152" s="63"/>
      <c r="D152" s="63"/>
    </row>
    <row r="153" spans="1:21" s="32" customFormat="1" ht="28.5" customHeight="1" x14ac:dyDescent="0.25">
      <c r="A153" s="48"/>
      <c r="B153" s="48"/>
      <c r="C153" s="63"/>
      <c r="D153" s="63"/>
    </row>
    <row r="154" spans="1:21" s="32" customFormat="1" ht="16.5" customHeight="1" x14ac:dyDescent="0.25">
      <c r="A154" s="48"/>
      <c r="B154" s="48"/>
      <c r="C154" s="63"/>
      <c r="D154" s="63"/>
    </row>
    <row r="155" spans="1:21" s="37" customFormat="1" ht="18" customHeight="1" x14ac:dyDescent="0.25"/>
    <row r="156" spans="1:21" s="31" customFormat="1" ht="33" customHeight="1" x14ac:dyDescent="0.25">
      <c r="A156" s="221"/>
      <c r="B156" s="221"/>
    </row>
    <row r="157" spans="1:21" s="31" customFormat="1" ht="22.5" customHeight="1" x14ac:dyDescent="0.25">
      <c r="A157" s="47"/>
      <c r="B157" s="47"/>
    </row>
    <row r="158" spans="1:21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</row>
    <row r="159" spans="1:21" s="32" customFormat="1" ht="28.5" customHeight="1" x14ac:dyDescent="0.25">
      <c r="A159" s="48"/>
      <c r="B159" s="48"/>
    </row>
    <row r="160" spans="1:21" s="32" customFormat="1" ht="28.5" customHeight="1" x14ac:dyDescent="0.25">
      <c r="A160" s="48"/>
      <c r="B160" s="48"/>
      <c r="C160" s="63"/>
      <c r="D160" s="63"/>
    </row>
    <row r="161" spans="1:21" s="32" customFormat="1" ht="28.5" customHeight="1" x14ac:dyDescent="0.25">
      <c r="A161" s="48"/>
      <c r="B161" s="48"/>
      <c r="C161" s="63"/>
      <c r="D161" s="63"/>
    </row>
    <row r="162" spans="1:21" s="32" customFormat="1" ht="16.5" customHeight="1" x14ac:dyDescent="0.25">
      <c r="A162" s="48"/>
      <c r="B162" s="48"/>
      <c r="C162" s="63"/>
      <c r="D162" s="63"/>
    </row>
    <row r="163" spans="1:21" s="37" customFormat="1" ht="18" customHeight="1" x14ac:dyDescent="0.25"/>
    <row r="164" spans="1:21" s="31" customFormat="1" ht="33" customHeight="1" x14ac:dyDescent="0.25">
      <c r="A164" s="221"/>
      <c r="B164" s="221"/>
    </row>
    <row r="165" spans="1:21" s="31" customFormat="1" ht="22.5" customHeight="1" x14ac:dyDescent="0.25">
      <c r="A165" s="47"/>
      <c r="B165" s="47"/>
    </row>
    <row r="166" spans="1:21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</row>
    <row r="167" spans="1:21" s="32" customFormat="1" ht="28.5" customHeight="1" x14ac:dyDescent="0.25">
      <c r="A167" s="48"/>
      <c r="B167" s="48"/>
    </row>
    <row r="168" spans="1:21" s="32" customFormat="1" ht="28.5" customHeight="1" x14ac:dyDescent="0.25">
      <c r="A168" s="48"/>
      <c r="B168" s="48"/>
      <c r="C168" s="63"/>
      <c r="D168" s="63"/>
    </row>
    <row r="169" spans="1:21" s="32" customFormat="1" ht="28.5" customHeight="1" x14ac:dyDescent="0.25">
      <c r="A169" s="48"/>
      <c r="B169" s="48"/>
      <c r="C169" s="63"/>
      <c r="D169" s="63"/>
    </row>
    <row r="170" spans="1:21" s="32" customFormat="1" ht="16.5" customHeight="1" x14ac:dyDescent="0.25">
      <c r="A170" s="48"/>
      <c r="B170" s="48"/>
      <c r="C170" s="63"/>
      <c r="D170" s="63"/>
    </row>
    <row r="171" spans="1:21" s="37" customFormat="1" ht="18" customHeight="1" x14ac:dyDescent="0.25"/>
    <row r="172" spans="1:21" s="31" customFormat="1" ht="33" customHeight="1" x14ac:dyDescent="0.25">
      <c r="A172" s="221"/>
      <c r="B172" s="221"/>
    </row>
    <row r="173" spans="1:21" s="31" customFormat="1" ht="22.5" customHeight="1" x14ac:dyDescent="0.25">
      <c r="A173" s="47"/>
      <c r="B173" s="47"/>
    </row>
    <row r="174" spans="1:21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</row>
    <row r="175" spans="1:21" s="32" customFormat="1" ht="28.5" customHeight="1" x14ac:dyDescent="0.25">
      <c r="A175" s="48"/>
      <c r="B175" s="48"/>
    </row>
    <row r="176" spans="1:21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9"/>
      <c r="C179" s="69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20:B20"/>
    <mergeCell ref="C22:D22"/>
    <mergeCell ref="C23:D23"/>
    <mergeCell ref="L12:L13"/>
    <mergeCell ref="M12:M13"/>
    <mergeCell ref="C24:D24"/>
    <mergeCell ref="H12:H13"/>
    <mergeCell ref="I12:I13"/>
    <mergeCell ref="J12:J13"/>
    <mergeCell ref="K12:K13"/>
    <mergeCell ref="A1:S1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Q12:S12"/>
    <mergeCell ref="A3:L3"/>
    <mergeCell ref="A5:A6"/>
    <mergeCell ref="B5:B6"/>
    <mergeCell ref="J5:L5"/>
    <mergeCell ref="H5:H6"/>
    <mergeCell ref="C5:C6"/>
    <mergeCell ref="D5:D6"/>
    <mergeCell ref="E5:E6"/>
    <mergeCell ref="F5:F6"/>
    <mergeCell ref="G5:G6"/>
  </mergeCells>
  <conditionalFormatting sqref="B189:C189">
    <cfRule type="containsBlanks" dxfId="12" priority="13">
      <formula>LEN(TRIM(B189))=0</formula>
    </cfRule>
  </conditionalFormatting>
  <conditionalFormatting sqref="B190:C190">
    <cfRule type="containsBlanks" dxfId="11" priority="12">
      <formula>LEN(TRIM(B190))=0</formula>
    </cfRule>
  </conditionalFormatting>
  <conditionalFormatting sqref="H187:I187">
    <cfRule type="containsBlanks" dxfId="10" priority="11">
      <formula>LEN(TRIM(H187))=0</formula>
    </cfRule>
  </conditionalFormatting>
  <conditionalFormatting sqref="H188:I188">
    <cfRule type="containsBlanks" dxfId="9" priority="10">
      <formula>LEN(TRIM(H188))=0</formula>
    </cfRule>
  </conditionalFormatting>
  <conditionalFormatting sqref="C180:D182">
    <cfRule type="containsBlanks" dxfId="8" priority="9">
      <formula>LEN(TRIM(C180))=0</formula>
    </cfRule>
  </conditionalFormatting>
  <conditionalFormatting sqref="C184:D186">
    <cfRule type="containsBlanks" dxfId="7" priority="8">
      <formula>LEN(TRIM(C184))=0</formula>
    </cfRule>
  </conditionalFormatting>
  <conditionalFormatting sqref="J15:J19">
    <cfRule type="cellIs" dxfId="6" priority="7" operator="greaterThan">
      <formula>2560820</formula>
    </cfRule>
  </conditionalFormatting>
  <conditionalFormatting sqref="B31:C31">
    <cfRule type="containsBlanks" dxfId="5" priority="6">
      <formula>LEN(TRIM(B31))=0</formula>
    </cfRule>
  </conditionalFormatting>
  <conditionalFormatting sqref="B32:C32">
    <cfRule type="containsBlanks" dxfId="4" priority="5">
      <formula>LEN(TRIM(B32))=0</formula>
    </cfRule>
  </conditionalFormatting>
  <conditionalFormatting sqref="H29:I29">
    <cfRule type="containsBlanks" dxfId="3" priority="4">
      <formula>LEN(TRIM(H29))=0</formula>
    </cfRule>
  </conditionalFormatting>
  <conditionalFormatting sqref="H30:I30">
    <cfRule type="containsBlanks" dxfId="2" priority="3">
      <formula>LEN(TRIM(H30))=0</formula>
    </cfRule>
  </conditionalFormatting>
  <conditionalFormatting sqref="C22:D24">
    <cfRule type="containsBlanks" dxfId="1" priority="2">
      <formula>LEN(TRIM(C22))=0</formula>
    </cfRule>
  </conditionalFormatting>
  <conditionalFormatting sqref="C26:D28">
    <cfRule type="containsBlanks" dxfId="0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topLeftCell="A4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71093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92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13" t="s">
        <v>0</v>
      </c>
      <c r="B8" s="197" t="s">
        <v>94</v>
      </c>
      <c r="C8" s="196" t="s">
        <v>95</v>
      </c>
      <c r="D8" s="197" t="s">
        <v>94</v>
      </c>
      <c r="E8" s="117" t="s">
        <v>65</v>
      </c>
      <c r="F8" s="198" t="s">
        <v>96</v>
      </c>
      <c r="G8" s="118" t="s">
        <v>68</v>
      </c>
      <c r="H8" s="199" t="s">
        <v>97</v>
      </c>
      <c r="I8" s="151">
        <v>33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93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285" priority="13">
      <formula>LEN(TRIM(B189))=0</formula>
    </cfRule>
  </conditionalFormatting>
  <conditionalFormatting sqref="B190:C190">
    <cfRule type="containsBlanks" dxfId="284" priority="12">
      <formula>LEN(TRIM(B190))=0</formula>
    </cfRule>
  </conditionalFormatting>
  <conditionalFormatting sqref="H187:I187">
    <cfRule type="containsBlanks" dxfId="283" priority="11">
      <formula>LEN(TRIM(H187))=0</formula>
    </cfRule>
  </conditionalFormatting>
  <conditionalFormatting sqref="H188:I188">
    <cfRule type="containsBlanks" dxfId="282" priority="10">
      <formula>LEN(TRIM(H188))=0</formula>
    </cfRule>
  </conditionalFormatting>
  <conditionalFormatting sqref="C180:D182">
    <cfRule type="containsBlanks" dxfId="281" priority="9">
      <formula>LEN(TRIM(C180))=0</formula>
    </cfRule>
  </conditionalFormatting>
  <conditionalFormatting sqref="C184:D186">
    <cfRule type="containsBlanks" dxfId="280" priority="8">
      <formula>LEN(TRIM(C184))=0</formula>
    </cfRule>
  </conditionalFormatting>
  <conditionalFormatting sqref="J15:J19">
    <cfRule type="cellIs" dxfId="279" priority="7" operator="greaterThan">
      <formula>2560820</formula>
    </cfRule>
  </conditionalFormatting>
  <conditionalFormatting sqref="B31:C31">
    <cfRule type="containsBlanks" dxfId="278" priority="6">
      <formula>LEN(TRIM(B31))=0</formula>
    </cfRule>
  </conditionalFormatting>
  <conditionalFormatting sqref="B32:C32">
    <cfRule type="containsBlanks" dxfId="277" priority="5">
      <formula>LEN(TRIM(B32))=0</formula>
    </cfRule>
  </conditionalFormatting>
  <conditionalFormatting sqref="H29:I29">
    <cfRule type="containsBlanks" dxfId="276" priority="4">
      <formula>LEN(TRIM(H29))=0</formula>
    </cfRule>
  </conditionalFormatting>
  <conditionalFormatting sqref="H30:I30">
    <cfRule type="containsBlanks" dxfId="275" priority="3">
      <formula>LEN(TRIM(H30))=0</formula>
    </cfRule>
  </conditionalFormatting>
  <conditionalFormatting sqref="C22:D24">
    <cfRule type="containsBlanks" dxfId="274" priority="2">
      <formula>LEN(TRIM(C22))=0</formula>
    </cfRule>
  </conditionalFormatting>
  <conditionalFormatting sqref="C26:D28">
    <cfRule type="containsBlanks" dxfId="27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9" sqref="I9"/>
    </sheetView>
  </sheetViews>
  <sheetFormatPr defaultColWidth="9.140625" defaultRowHeight="12" x14ac:dyDescent="0.2"/>
  <cols>
    <col min="1" max="1" width="5" style="6" customWidth="1"/>
    <col min="2" max="2" width="21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52"/>
    </row>
    <row r="2" spans="1:19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98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R5" s="166"/>
      <c r="S5" s="166"/>
    </row>
    <row r="6" spans="1:19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R6" s="166"/>
      <c r="S6" s="166"/>
    </row>
    <row r="7" spans="1:19" s="131" customFormat="1" ht="14.1" customHeight="1" x14ac:dyDescent="0.25">
      <c r="A7" s="109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2" t="s">
        <v>0</v>
      </c>
      <c r="B8" s="197" t="s">
        <v>100</v>
      </c>
      <c r="C8" s="196" t="s">
        <v>101</v>
      </c>
      <c r="D8" s="197" t="s">
        <v>100</v>
      </c>
      <c r="E8" s="198" t="s">
        <v>65</v>
      </c>
      <c r="F8" s="200" t="s">
        <v>102</v>
      </c>
      <c r="G8" s="118" t="s">
        <v>68</v>
      </c>
      <c r="H8" s="201" t="s">
        <v>76</v>
      </c>
      <c r="I8" s="151">
        <v>2805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99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N12:P12"/>
    <mergeCell ref="Q12:S12"/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</mergeCells>
  <conditionalFormatting sqref="B189:C189">
    <cfRule type="containsBlanks" dxfId="272" priority="13">
      <formula>LEN(TRIM(B189))=0</formula>
    </cfRule>
  </conditionalFormatting>
  <conditionalFormatting sqref="B190:C190">
    <cfRule type="containsBlanks" dxfId="271" priority="12">
      <formula>LEN(TRIM(B190))=0</formula>
    </cfRule>
  </conditionalFormatting>
  <conditionalFormatting sqref="H187:I187">
    <cfRule type="containsBlanks" dxfId="270" priority="11">
      <formula>LEN(TRIM(H187))=0</formula>
    </cfRule>
  </conditionalFormatting>
  <conditionalFormatting sqref="H188:I188">
    <cfRule type="containsBlanks" dxfId="269" priority="10">
      <formula>LEN(TRIM(H188))=0</formula>
    </cfRule>
  </conditionalFormatting>
  <conditionalFormatting sqref="C180:D182">
    <cfRule type="containsBlanks" dxfId="268" priority="9">
      <formula>LEN(TRIM(C180))=0</formula>
    </cfRule>
  </conditionalFormatting>
  <conditionalFormatting sqref="C184:D186">
    <cfRule type="containsBlanks" dxfId="267" priority="8">
      <formula>LEN(TRIM(C184))=0</formula>
    </cfRule>
  </conditionalFormatting>
  <conditionalFormatting sqref="J15:J19">
    <cfRule type="cellIs" dxfId="266" priority="7" operator="greaterThan">
      <formula>2560820</formula>
    </cfRule>
  </conditionalFormatting>
  <conditionalFormatting sqref="B31:C31">
    <cfRule type="containsBlanks" dxfId="265" priority="6">
      <formula>LEN(TRIM(B31))=0</formula>
    </cfRule>
  </conditionalFormatting>
  <conditionalFormatting sqref="B32:C32">
    <cfRule type="containsBlanks" dxfId="264" priority="5">
      <formula>LEN(TRIM(B32))=0</formula>
    </cfRule>
  </conditionalFormatting>
  <conditionalFormatting sqref="H29:I29">
    <cfRule type="containsBlanks" dxfId="263" priority="4">
      <formula>LEN(TRIM(H29))=0</formula>
    </cfRule>
  </conditionalFormatting>
  <conditionalFormatting sqref="H30:I30">
    <cfRule type="containsBlanks" dxfId="262" priority="3">
      <formula>LEN(TRIM(H30))=0</formula>
    </cfRule>
  </conditionalFormatting>
  <conditionalFormatting sqref="C22:D24">
    <cfRule type="containsBlanks" dxfId="261" priority="2">
      <formula>LEN(TRIM(C22))=0</formula>
    </cfRule>
  </conditionalFormatting>
  <conditionalFormatting sqref="C26:D28">
    <cfRule type="containsBlanks" dxfId="260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1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9" width="14.7109375" style="5" customWidth="1"/>
    <col min="10" max="10" width="11.28515625" style="5" customWidth="1"/>
    <col min="11" max="11" width="10.57031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52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03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  <c r="T5" s="166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44.25" customHeight="1" thickBot="1" x14ac:dyDescent="0.3">
      <c r="A8" s="152" t="s">
        <v>0</v>
      </c>
      <c r="B8" s="114" t="s">
        <v>105</v>
      </c>
      <c r="C8" s="196" t="s">
        <v>106</v>
      </c>
      <c r="D8" s="116" t="s">
        <v>105</v>
      </c>
      <c r="E8" s="198" t="s">
        <v>65</v>
      </c>
      <c r="F8" s="200" t="s">
        <v>107</v>
      </c>
      <c r="G8" s="118" t="s">
        <v>68</v>
      </c>
      <c r="H8" s="199" t="s">
        <v>108</v>
      </c>
      <c r="I8" s="151">
        <v>13662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20" s="71" customFormat="1" ht="30" customHeight="1" x14ac:dyDescent="0.25">
      <c r="A11" s="215" t="s">
        <v>104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C182:D18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N12:P12"/>
    <mergeCell ref="Q12:S12"/>
    <mergeCell ref="B189:C189"/>
    <mergeCell ref="B190:C190"/>
    <mergeCell ref="A193:B193"/>
    <mergeCell ref="C184:D184"/>
    <mergeCell ref="C185:D185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</mergeCells>
  <conditionalFormatting sqref="B189:C189">
    <cfRule type="containsBlanks" dxfId="259" priority="13">
      <formula>LEN(TRIM(B189))=0</formula>
    </cfRule>
  </conditionalFormatting>
  <conditionalFormatting sqref="B190:C190">
    <cfRule type="containsBlanks" dxfId="258" priority="12">
      <formula>LEN(TRIM(B190))=0</formula>
    </cfRule>
  </conditionalFormatting>
  <conditionalFormatting sqref="H187:I187">
    <cfRule type="containsBlanks" dxfId="257" priority="11">
      <formula>LEN(TRIM(H187))=0</formula>
    </cfRule>
  </conditionalFormatting>
  <conditionalFormatting sqref="H188:I188">
    <cfRule type="containsBlanks" dxfId="256" priority="10">
      <formula>LEN(TRIM(H188))=0</formula>
    </cfRule>
  </conditionalFormatting>
  <conditionalFormatting sqref="C180:D182">
    <cfRule type="containsBlanks" dxfId="255" priority="9">
      <formula>LEN(TRIM(C180))=0</formula>
    </cfRule>
  </conditionalFormatting>
  <conditionalFormatting sqref="C184:D186">
    <cfRule type="containsBlanks" dxfId="254" priority="8">
      <formula>LEN(TRIM(C184))=0</formula>
    </cfRule>
  </conditionalFormatting>
  <conditionalFormatting sqref="J15:J19">
    <cfRule type="cellIs" dxfId="253" priority="7" operator="greaterThan">
      <formula>2560820</formula>
    </cfRule>
  </conditionalFormatting>
  <conditionalFormatting sqref="B31:C31">
    <cfRule type="containsBlanks" dxfId="252" priority="6">
      <formula>LEN(TRIM(B31))=0</formula>
    </cfRule>
  </conditionalFormatting>
  <conditionalFormatting sqref="B32:C32">
    <cfRule type="containsBlanks" dxfId="251" priority="5">
      <formula>LEN(TRIM(B32))=0</formula>
    </cfRule>
  </conditionalFormatting>
  <conditionalFormatting sqref="H29:I29">
    <cfRule type="containsBlanks" dxfId="250" priority="4">
      <formula>LEN(TRIM(H29))=0</formula>
    </cfRule>
  </conditionalFormatting>
  <conditionalFormatting sqref="H30:I30">
    <cfRule type="containsBlanks" dxfId="249" priority="3">
      <formula>LEN(TRIM(H30))=0</formula>
    </cfRule>
  </conditionalFormatting>
  <conditionalFormatting sqref="C22:D24">
    <cfRule type="containsBlanks" dxfId="248" priority="2">
      <formula>LEN(TRIM(C22))=0</formula>
    </cfRule>
  </conditionalFormatting>
  <conditionalFormatting sqref="C26:D28">
    <cfRule type="containsBlanks" dxfId="247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  <rowBreaks count="1" manualBreakCount="1">
    <brk id="34" max="18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P195"/>
  <sheetViews>
    <sheetView showGridLines="0" tabSelected="1" zoomScale="80" zoomScaleNormal="80" workbookViewId="0">
      <selection activeCell="I9" sqref="I9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.2851562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19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19" ht="24.95" customHeight="1" x14ac:dyDescent="0.2">
      <c r="A2" s="53" t="s">
        <v>115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19" ht="49.5" customHeight="1" x14ac:dyDescent="0.2">
      <c r="A3" s="241" t="s">
        <v>109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19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19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</row>
    <row r="6" spans="1:19" s="56" customFormat="1" ht="36.75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19" s="131" customFormat="1" ht="14.1" customHeight="1" x14ac:dyDescent="0.25">
      <c r="A7" s="180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19" s="57" customFormat="1" ht="44.25" customHeight="1" thickBot="1" x14ac:dyDescent="0.3">
      <c r="A8" s="152" t="s">
        <v>0</v>
      </c>
      <c r="B8" s="114" t="s">
        <v>111</v>
      </c>
      <c r="C8" s="196" t="s">
        <v>112</v>
      </c>
      <c r="D8" s="116" t="s">
        <v>111</v>
      </c>
      <c r="E8" s="198" t="s">
        <v>71</v>
      </c>
      <c r="F8" s="200" t="s">
        <v>113</v>
      </c>
      <c r="G8" s="118" t="s">
        <v>68</v>
      </c>
      <c r="H8" s="201" t="s">
        <v>114</v>
      </c>
      <c r="I8" s="151">
        <v>11550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19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19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19" s="71" customFormat="1" ht="30" customHeight="1" x14ac:dyDescent="0.25">
      <c r="A11" s="215" t="s">
        <v>110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19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19" s="72" customFormat="1" ht="24.95" customHeight="1" x14ac:dyDescent="0.2">
      <c r="A13" s="251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19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19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19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2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2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2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2" x14ac:dyDescent="0.2">
      <c r="A36" s="60"/>
      <c r="B36" s="49" t="s">
        <v>10</v>
      </c>
    </row>
    <row r="37" spans="1:42" s="31" customFormat="1" ht="22.5" customHeight="1" x14ac:dyDescent="0.25">
      <c r="A37" s="47"/>
      <c r="B37" s="47"/>
    </row>
    <row r="38" spans="1:42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</row>
    <row r="39" spans="1:42" s="32" customFormat="1" ht="28.5" customHeight="1" x14ac:dyDescent="0.25">
      <c r="A39" s="48"/>
      <c r="B39" s="48"/>
    </row>
    <row r="40" spans="1:42" s="32" customFormat="1" ht="28.5" customHeight="1" x14ac:dyDescent="0.25">
      <c r="A40" s="48"/>
      <c r="B40" s="48"/>
      <c r="C40" s="63"/>
      <c r="D40" s="63"/>
    </row>
    <row r="41" spans="1:42" s="32" customFormat="1" ht="28.5" customHeight="1" x14ac:dyDescent="0.25">
      <c r="A41" s="48"/>
      <c r="B41" s="48"/>
      <c r="C41" s="63"/>
      <c r="D41" s="63"/>
    </row>
    <row r="42" spans="1:42" s="32" customFormat="1" ht="16.5" customHeight="1" x14ac:dyDescent="0.25">
      <c r="A42" s="48"/>
      <c r="B42" s="48"/>
      <c r="C42" s="63"/>
      <c r="D42" s="63"/>
    </row>
    <row r="43" spans="1:42" s="37" customFormat="1" ht="18" customHeight="1" x14ac:dyDescent="0.25"/>
    <row r="44" spans="1:42" s="31" customFormat="1" ht="33" customHeight="1" x14ac:dyDescent="0.25">
      <c r="A44" s="221"/>
      <c r="B44" s="221"/>
    </row>
    <row r="45" spans="1:42" s="31" customFormat="1" ht="22.5" customHeight="1" x14ac:dyDescent="0.25">
      <c r="A45" s="47"/>
      <c r="B45" s="47"/>
    </row>
    <row r="46" spans="1:42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</row>
    <row r="47" spans="1:42" s="32" customFormat="1" ht="28.5" customHeight="1" x14ac:dyDescent="0.25">
      <c r="A47" s="48"/>
      <c r="B47" s="48"/>
    </row>
    <row r="48" spans="1:42" s="32" customFormat="1" ht="28.5" customHeight="1" x14ac:dyDescent="0.25">
      <c r="A48" s="48"/>
      <c r="B48" s="48"/>
      <c r="C48" s="63"/>
      <c r="D48" s="63"/>
    </row>
    <row r="49" spans="1:42" s="32" customFormat="1" ht="28.5" customHeight="1" x14ac:dyDescent="0.25">
      <c r="A49" s="48"/>
      <c r="B49" s="48"/>
      <c r="C49" s="63"/>
      <c r="D49" s="63"/>
    </row>
    <row r="50" spans="1:42" s="32" customFormat="1" ht="16.5" customHeight="1" x14ac:dyDescent="0.25">
      <c r="A50" s="48"/>
      <c r="B50" s="48"/>
      <c r="C50" s="63"/>
      <c r="D50" s="63"/>
    </row>
    <row r="51" spans="1:42" s="37" customFormat="1" ht="18" customHeight="1" x14ac:dyDescent="0.25"/>
    <row r="52" spans="1:42" s="31" customFormat="1" ht="33" customHeight="1" x14ac:dyDescent="0.25">
      <c r="A52" s="221"/>
      <c r="B52" s="221"/>
    </row>
    <row r="53" spans="1:42" s="31" customFormat="1" ht="22.5" customHeight="1" x14ac:dyDescent="0.25">
      <c r="A53" s="47"/>
      <c r="B53" s="47"/>
    </row>
    <row r="54" spans="1:42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</row>
    <row r="55" spans="1:42" s="32" customFormat="1" ht="28.5" customHeight="1" x14ac:dyDescent="0.25">
      <c r="A55" s="48"/>
      <c r="B55" s="48"/>
    </row>
    <row r="56" spans="1:42" s="32" customFormat="1" ht="28.5" customHeight="1" x14ac:dyDescent="0.25">
      <c r="A56" s="48"/>
      <c r="B56" s="48"/>
      <c r="C56" s="63"/>
      <c r="D56" s="63"/>
    </row>
    <row r="57" spans="1:42" s="32" customFormat="1" ht="28.5" customHeight="1" x14ac:dyDescent="0.25">
      <c r="A57" s="48"/>
      <c r="B57" s="48"/>
      <c r="C57" s="63"/>
      <c r="D57" s="63"/>
    </row>
    <row r="58" spans="1:42" s="32" customFormat="1" ht="16.5" customHeight="1" x14ac:dyDescent="0.25">
      <c r="A58" s="48"/>
      <c r="B58" s="48"/>
      <c r="C58" s="63"/>
      <c r="D58" s="63"/>
    </row>
    <row r="59" spans="1:42" s="37" customFormat="1" ht="18" customHeight="1" x14ac:dyDescent="0.25"/>
    <row r="60" spans="1:42" s="31" customFormat="1" ht="33" customHeight="1" x14ac:dyDescent="0.25">
      <c r="A60" s="221"/>
      <c r="B60" s="221"/>
    </row>
    <row r="61" spans="1:42" s="31" customFormat="1" ht="22.5" customHeight="1" x14ac:dyDescent="0.25">
      <c r="A61" s="47"/>
      <c r="B61" s="47"/>
    </row>
    <row r="62" spans="1:42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</row>
    <row r="63" spans="1:42" s="32" customFormat="1" ht="28.5" customHeight="1" x14ac:dyDescent="0.25">
      <c r="A63" s="48"/>
      <c r="B63" s="48"/>
    </row>
    <row r="64" spans="1:42" s="32" customFormat="1" ht="28.5" customHeight="1" x14ac:dyDescent="0.25">
      <c r="A64" s="48"/>
      <c r="B64" s="48"/>
      <c r="C64" s="63"/>
      <c r="D64" s="63"/>
    </row>
    <row r="65" spans="1:42" s="32" customFormat="1" ht="28.5" customHeight="1" x14ac:dyDescent="0.25">
      <c r="A65" s="48"/>
      <c r="B65" s="48"/>
      <c r="C65" s="63"/>
      <c r="D65" s="63"/>
    </row>
    <row r="66" spans="1:42" s="32" customFormat="1" ht="16.5" customHeight="1" x14ac:dyDescent="0.25">
      <c r="A66" s="48"/>
      <c r="B66" s="48"/>
      <c r="C66" s="63"/>
      <c r="D66" s="63"/>
    </row>
    <row r="67" spans="1:42" s="37" customFormat="1" ht="18" customHeight="1" x14ac:dyDescent="0.25"/>
    <row r="68" spans="1:42" s="31" customFormat="1" ht="33" customHeight="1" x14ac:dyDescent="0.25">
      <c r="A68" s="221"/>
      <c r="B68" s="221"/>
    </row>
    <row r="69" spans="1:42" s="31" customFormat="1" ht="22.5" customHeight="1" x14ac:dyDescent="0.25">
      <c r="A69" s="47"/>
      <c r="B69" s="47"/>
    </row>
    <row r="70" spans="1:42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</row>
    <row r="71" spans="1:42" s="32" customFormat="1" ht="28.5" customHeight="1" x14ac:dyDescent="0.25">
      <c r="A71" s="48"/>
      <c r="B71" s="48"/>
    </row>
    <row r="72" spans="1:42" s="32" customFormat="1" ht="28.5" customHeight="1" x14ac:dyDescent="0.25">
      <c r="A72" s="48"/>
      <c r="B72" s="48"/>
      <c r="C72" s="63"/>
      <c r="D72" s="63"/>
    </row>
    <row r="73" spans="1:42" s="32" customFormat="1" ht="28.5" customHeight="1" x14ac:dyDescent="0.25">
      <c r="A73" s="48"/>
      <c r="B73" s="48"/>
      <c r="C73" s="63"/>
      <c r="D73" s="63"/>
    </row>
    <row r="74" spans="1:42" s="32" customFormat="1" ht="16.5" customHeight="1" x14ac:dyDescent="0.25">
      <c r="A74" s="48"/>
      <c r="B74" s="48"/>
      <c r="C74" s="63"/>
      <c r="D74" s="63"/>
    </row>
    <row r="75" spans="1:42" s="37" customFormat="1" ht="18" customHeight="1" x14ac:dyDescent="0.25"/>
    <row r="76" spans="1:42" s="31" customFormat="1" ht="33" customHeight="1" x14ac:dyDescent="0.25">
      <c r="A76" s="221"/>
      <c r="B76" s="221"/>
    </row>
    <row r="77" spans="1:42" s="31" customFormat="1" ht="22.5" customHeight="1" x14ac:dyDescent="0.25">
      <c r="A77" s="47"/>
      <c r="B77" s="47"/>
    </row>
    <row r="78" spans="1:42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</row>
    <row r="79" spans="1:42" s="32" customFormat="1" ht="28.5" customHeight="1" x14ac:dyDescent="0.25">
      <c r="A79" s="48"/>
      <c r="B79" s="48"/>
    </row>
    <row r="80" spans="1:42" s="32" customFormat="1" ht="28.5" customHeight="1" x14ac:dyDescent="0.25">
      <c r="A80" s="48"/>
      <c r="B80" s="48"/>
      <c r="C80" s="63"/>
      <c r="D80" s="63"/>
    </row>
    <row r="81" spans="1:42" s="32" customFormat="1" ht="28.5" customHeight="1" x14ac:dyDescent="0.25">
      <c r="A81" s="48"/>
      <c r="B81" s="48"/>
      <c r="C81" s="63"/>
      <c r="D81" s="63"/>
    </row>
    <row r="82" spans="1:42" s="32" customFormat="1" ht="16.5" customHeight="1" x14ac:dyDescent="0.25">
      <c r="A82" s="48"/>
      <c r="B82" s="48"/>
      <c r="C82" s="63"/>
      <c r="D82" s="63"/>
    </row>
    <row r="83" spans="1:42" s="37" customFormat="1" ht="18" customHeight="1" x14ac:dyDescent="0.25"/>
    <row r="84" spans="1:42" s="31" customFormat="1" ht="33" customHeight="1" x14ac:dyDescent="0.25">
      <c r="A84" s="221"/>
      <c r="B84" s="221"/>
    </row>
    <row r="85" spans="1:42" s="31" customFormat="1" ht="22.5" customHeight="1" x14ac:dyDescent="0.25">
      <c r="A85" s="47"/>
      <c r="B85" s="47"/>
    </row>
    <row r="86" spans="1:42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</row>
    <row r="87" spans="1:42" s="32" customFormat="1" ht="28.5" customHeight="1" x14ac:dyDescent="0.25">
      <c r="A87" s="48"/>
      <c r="B87" s="48"/>
    </row>
    <row r="88" spans="1:42" s="32" customFormat="1" ht="28.5" customHeight="1" x14ac:dyDescent="0.25">
      <c r="A88" s="48"/>
      <c r="B88" s="48"/>
      <c r="C88" s="63"/>
      <c r="D88" s="63"/>
    </row>
    <row r="89" spans="1:42" s="32" customFormat="1" ht="28.5" customHeight="1" x14ac:dyDescent="0.25">
      <c r="A89" s="48"/>
      <c r="B89" s="48"/>
      <c r="C89" s="63"/>
      <c r="D89" s="63"/>
    </row>
    <row r="90" spans="1:42" s="32" customFormat="1" ht="16.5" customHeight="1" x14ac:dyDescent="0.25">
      <c r="A90" s="48"/>
      <c r="B90" s="48"/>
      <c r="C90" s="63"/>
      <c r="D90" s="63"/>
    </row>
    <row r="91" spans="1:42" s="37" customFormat="1" ht="18" customHeight="1" x14ac:dyDescent="0.25"/>
    <row r="92" spans="1:42" s="31" customFormat="1" ht="33" customHeight="1" x14ac:dyDescent="0.25">
      <c r="A92" s="221"/>
      <c r="B92" s="221"/>
    </row>
    <row r="93" spans="1:42" s="31" customFormat="1" ht="22.5" customHeight="1" x14ac:dyDescent="0.25">
      <c r="A93" s="47"/>
      <c r="B93" s="47"/>
    </row>
    <row r="94" spans="1:42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</row>
    <row r="95" spans="1:42" s="32" customFormat="1" ht="28.5" customHeight="1" x14ac:dyDescent="0.25">
      <c r="A95" s="48"/>
      <c r="B95" s="48"/>
    </row>
    <row r="96" spans="1:42" s="32" customFormat="1" ht="28.5" customHeight="1" x14ac:dyDescent="0.25">
      <c r="A96" s="48"/>
      <c r="B96" s="48"/>
      <c r="C96" s="63"/>
      <c r="D96" s="63"/>
    </row>
    <row r="97" spans="1:42" s="32" customFormat="1" ht="28.5" customHeight="1" x14ac:dyDescent="0.25">
      <c r="A97" s="48"/>
      <c r="B97" s="48"/>
      <c r="C97" s="63"/>
      <c r="D97" s="63"/>
    </row>
    <row r="98" spans="1:42" s="32" customFormat="1" ht="16.5" customHeight="1" x14ac:dyDescent="0.25">
      <c r="A98" s="48"/>
      <c r="B98" s="48"/>
      <c r="C98" s="63"/>
      <c r="D98" s="63"/>
    </row>
    <row r="99" spans="1:42" s="37" customFormat="1" ht="18" customHeight="1" x14ac:dyDescent="0.25"/>
    <row r="100" spans="1:42" s="31" customFormat="1" ht="33" customHeight="1" x14ac:dyDescent="0.25">
      <c r="A100" s="221"/>
      <c r="B100" s="221"/>
    </row>
    <row r="101" spans="1:42" s="31" customFormat="1" ht="22.5" customHeight="1" x14ac:dyDescent="0.25">
      <c r="A101" s="47"/>
      <c r="B101" s="47"/>
    </row>
    <row r="102" spans="1:42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</row>
    <row r="103" spans="1:42" s="32" customFormat="1" ht="28.5" customHeight="1" x14ac:dyDescent="0.25">
      <c r="A103" s="48"/>
      <c r="B103" s="48"/>
    </row>
    <row r="104" spans="1:42" s="32" customFormat="1" ht="28.5" customHeight="1" x14ac:dyDescent="0.25">
      <c r="A104" s="48"/>
      <c r="B104" s="48"/>
      <c r="C104" s="63"/>
      <c r="D104" s="63"/>
    </row>
    <row r="105" spans="1:42" s="32" customFormat="1" ht="28.5" customHeight="1" x14ac:dyDescent="0.25">
      <c r="A105" s="48"/>
      <c r="B105" s="48"/>
      <c r="C105" s="63"/>
      <c r="D105" s="63"/>
    </row>
    <row r="106" spans="1:42" s="32" customFormat="1" ht="16.5" customHeight="1" x14ac:dyDescent="0.25">
      <c r="A106" s="48"/>
      <c r="B106" s="48"/>
      <c r="C106" s="63"/>
      <c r="D106" s="63"/>
    </row>
    <row r="107" spans="1:42" s="37" customFormat="1" ht="40.5" customHeight="1" x14ac:dyDescent="0.25"/>
    <row r="108" spans="1:42" s="31" customFormat="1" ht="33" customHeight="1" x14ac:dyDescent="0.25">
      <c r="A108" s="221"/>
      <c r="B108" s="221"/>
    </row>
    <row r="109" spans="1:42" s="31" customFormat="1" ht="22.5" customHeight="1" x14ac:dyDescent="0.25">
      <c r="A109" s="47"/>
      <c r="B109" s="47"/>
    </row>
    <row r="110" spans="1:42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</row>
    <row r="111" spans="1:42" s="32" customFormat="1" ht="28.5" customHeight="1" x14ac:dyDescent="0.25">
      <c r="A111" s="48"/>
      <c r="B111" s="48"/>
    </row>
    <row r="112" spans="1:42" s="32" customFormat="1" ht="28.5" customHeight="1" x14ac:dyDescent="0.25">
      <c r="A112" s="48"/>
      <c r="B112" s="48"/>
      <c r="C112" s="63"/>
      <c r="D112" s="63"/>
    </row>
    <row r="113" spans="1:42" s="32" customFormat="1" ht="28.5" customHeight="1" x14ac:dyDescent="0.25">
      <c r="A113" s="48"/>
      <c r="B113" s="48"/>
      <c r="C113" s="63"/>
      <c r="D113" s="63"/>
    </row>
    <row r="114" spans="1:42" s="32" customFormat="1" ht="16.5" customHeight="1" x14ac:dyDescent="0.25">
      <c r="A114" s="48"/>
      <c r="B114" s="48"/>
      <c r="C114" s="63"/>
      <c r="D114" s="63"/>
    </row>
    <row r="115" spans="1:42" s="37" customFormat="1" ht="18" customHeight="1" x14ac:dyDescent="0.25"/>
    <row r="116" spans="1:42" s="31" customFormat="1" ht="33" customHeight="1" x14ac:dyDescent="0.25">
      <c r="A116" s="221"/>
      <c r="B116" s="221"/>
    </row>
    <row r="117" spans="1:42" s="31" customFormat="1" ht="22.5" customHeight="1" x14ac:dyDescent="0.25">
      <c r="A117" s="47"/>
      <c r="B117" s="47"/>
    </row>
    <row r="118" spans="1:42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</row>
    <row r="119" spans="1:42" s="32" customFormat="1" ht="28.5" customHeight="1" x14ac:dyDescent="0.25">
      <c r="A119" s="48"/>
      <c r="B119" s="48"/>
    </row>
    <row r="120" spans="1:42" s="32" customFormat="1" ht="28.5" customHeight="1" x14ac:dyDescent="0.25">
      <c r="A120" s="48"/>
      <c r="B120" s="48"/>
      <c r="C120" s="63"/>
      <c r="D120" s="63"/>
    </row>
    <row r="121" spans="1:42" s="32" customFormat="1" ht="28.5" customHeight="1" x14ac:dyDescent="0.25">
      <c r="A121" s="48"/>
      <c r="B121" s="48"/>
      <c r="C121" s="63"/>
      <c r="D121" s="63"/>
    </row>
    <row r="122" spans="1:42" s="32" customFormat="1" ht="16.5" customHeight="1" x14ac:dyDescent="0.25">
      <c r="A122" s="48"/>
      <c r="B122" s="48"/>
      <c r="C122" s="63"/>
      <c r="D122" s="63"/>
    </row>
    <row r="123" spans="1:42" s="37" customFormat="1" ht="18" customHeight="1" x14ac:dyDescent="0.25"/>
    <row r="124" spans="1:42" s="31" customFormat="1" ht="33" customHeight="1" x14ac:dyDescent="0.25">
      <c r="A124" s="221"/>
      <c r="B124" s="221"/>
    </row>
    <row r="125" spans="1:42" s="31" customFormat="1" ht="22.5" customHeight="1" x14ac:dyDescent="0.25">
      <c r="A125" s="47"/>
      <c r="B125" s="47"/>
    </row>
    <row r="126" spans="1:42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</row>
    <row r="127" spans="1:42" s="32" customFormat="1" ht="28.5" customHeight="1" x14ac:dyDescent="0.25">
      <c r="A127" s="48"/>
      <c r="B127" s="48"/>
    </row>
    <row r="128" spans="1:42" s="32" customFormat="1" ht="28.5" customHeight="1" x14ac:dyDescent="0.25">
      <c r="A128" s="48"/>
      <c r="B128" s="48"/>
      <c r="C128" s="63"/>
      <c r="D128" s="63"/>
    </row>
    <row r="129" spans="1:42" s="32" customFormat="1" ht="28.5" customHeight="1" x14ac:dyDescent="0.25">
      <c r="A129" s="48"/>
      <c r="B129" s="48"/>
      <c r="C129" s="63"/>
      <c r="D129" s="63"/>
    </row>
    <row r="130" spans="1:42" s="32" customFormat="1" ht="16.5" customHeight="1" x14ac:dyDescent="0.25">
      <c r="A130" s="48"/>
      <c r="B130" s="48"/>
      <c r="C130" s="63"/>
      <c r="D130" s="63"/>
    </row>
    <row r="131" spans="1:42" s="37" customFormat="1" ht="18" customHeight="1" x14ac:dyDescent="0.25"/>
    <row r="132" spans="1:42" s="31" customFormat="1" ht="33" customHeight="1" x14ac:dyDescent="0.25">
      <c r="A132" s="221"/>
      <c r="B132" s="221"/>
    </row>
    <row r="133" spans="1:42" s="31" customFormat="1" ht="22.5" customHeight="1" x14ac:dyDescent="0.25">
      <c r="A133" s="47"/>
      <c r="B133" s="47"/>
    </row>
    <row r="134" spans="1:42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</row>
    <row r="135" spans="1:42" s="32" customFormat="1" ht="28.5" customHeight="1" x14ac:dyDescent="0.25">
      <c r="A135" s="48"/>
      <c r="B135" s="48"/>
    </row>
    <row r="136" spans="1:42" s="32" customFormat="1" ht="28.5" customHeight="1" x14ac:dyDescent="0.25">
      <c r="A136" s="48"/>
      <c r="B136" s="48"/>
      <c r="C136" s="63"/>
      <c r="D136" s="63"/>
    </row>
    <row r="137" spans="1:42" s="32" customFormat="1" ht="28.5" customHeight="1" x14ac:dyDescent="0.25">
      <c r="A137" s="48"/>
      <c r="B137" s="48"/>
      <c r="C137" s="63"/>
      <c r="D137" s="63"/>
    </row>
    <row r="138" spans="1:42" s="32" customFormat="1" ht="16.5" customHeight="1" x14ac:dyDescent="0.25">
      <c r="A138" s="48"/>
      <c r="B138" s="48"/>
      <c r="C138" s="63"/>
      <c r="D138" s="63"/>
    </row>
    <row r="139" spans="1:42" s="37" customFormat="1" ht="18" customHeight="1" x14ac:dyDescent="0.25"/>
    <row r="140" spans="1:42" s="31" customFormat="1" ht="33" customHeight="1" x14ac:dyDescent="0.25">
      <c r="A140" s="221"/>
      <c r="B140" s="221"/>
    </row>
    <row r="141" spans="1:42" s="31" customFormat="1" ht="22.5" customHeight="1" x14ac:dyDescent="0.25">
      <c r="A141" s="47"/>
      <c r="B141" s="47"/>
    </row>
    <row r="142" spans="1:42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</row>
    <row r="143" spans="1:42" s="32" customFormat="1" ht="28.5" customHeight="1" x14ac:dyDescent="0.25">
      <c r="A143" s="48"/>
      <c r="B143" s="48"/>
    </row>
    <row r="144" spans="1:42" s="32" customFormat="1" ht="28.5" customHeight="1" x14ac:dyDescent="0.25">
      <c r="A144" s="48"/>
      <c r="B144" s="48"/>
      <c r="C144" s="63"/>
      <c r="D144" s="63"/>
    </row>
    <row r="145" spans="1:42" s="32" customFormat="1" ht="28.5" customHeight="1" x14ac:dyDescent="0.25">
      <c r="A145" s="48"/>
      <c r="B145" s="48"/>
      <c r="C145" s="63"/>
      <c r="D145" s="63"/>
    </row>
    <row r="146" spans="1:42" s="32" customFormat="1" ht="16.5" customHeight="1" x14ac:dyDescent="0.25">
      <c r="A146" s="48"/>
      <c r="B146" s="48"/>
      <c r="C146" s="63"/>
      <c r="D146" s="63"/>
    </row>
    <row r="147" spans="1:42" s="37" customFormat="1" ht="18" customHeight="1" x14ac:dyDescent="0.25"/>
    <row r="148" spans="1:42" s="31" customFormat="1" ht="33" customHeight="1" x14ac:dyDescent="0.25">
      <c r="A148" s="221"/>
      <c r="B148" s="221"/>
    </row>
    <row r="149" spans="1:42" s="31" customFormat="1" ht="22.5" customHeight="1" x14ac:dyDescent="0.25">
      <c r="A149" s="47"/>
      <c r="B149" s="47"/>
    </row>
    <row r="150" spans="1:42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</row>
    <row r="151" spans="1:42" s="32" customFormat="1" ht="28.5" customHeight="1" x14ac:dyDescent="0.25">
      <c r="A151" s="48"/>
      <c r="B151" s="48"/>
    </row>
    <row r="152" spans="1:42" s="32" customFormat="1" ht="28.5" customHeight="1" x14ac:dyDescent="0.25">
      <c r="A152" s="48"/>
      <c r="B152" s="48"/>
      <c r="C152" s="63"/>
      <c r="D152" s="63"/>
    </row>
    <row r="153" spans="1:42" s="32" customFormat="1" ht="28.5" customHeight="1" x14ac:dyDescent="0.25">
      <c r="A153" s="48"/>
      <c r="B153" s="48"/>
      <c r="C153" s="63"/>
      <c r="D153" s="63"/>
    </row>
    <row r="154" spans="1:42" s="32" customFormat="1" ht="16.5" customHeight="1" x14ac:dyDescent="0.25">
      <c r="A154" s="48"/>
      <c r="B154" s="48"/>
      <c r="C154" s="63"/>
      <c r="D154" s="63"/>
    </row>
    <row r="155" spans="1:42" s="37" customFormat="1" ht="18" customHeight="1" x14ac:dyDescent="0.25"/>
    <row r="156" spans="1:42" s="31" customFormat="1" ht="33" customHeight="1" x14ac:dyDescent="0.25">
      <c r="A156" s="221"/>
      <c r="B156" s="221"/>
    </row>
    <row r="157" spans="1:42" s="31" customFormat="1" ht="22.5" customHeight="1" x14ac:dyDescent="0.25">
      <c r="A157" s="47"/>
      <c r="B157" s="47"/>
    </row>
    <row r="158" spans="1:42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</row>
    <row r="159" spans="1:42" s="32" customFormat="1" ht="28.5" customHeight="1" x14ac:dyDescent="0.25">
      <c r="A159" s="48"/>
      <c r="B159" s="48"/>
    </row>
    <row r="160" spans="1:42" s="32" customFormat="1" ht="28.5" customHeight="1" x14ac:dyDescent="0.25">
      <c r="A160" s="48"/>
      <c r="B160" s="48"/>
      <c r="C160" s="63"/>
      <c r="D160" s="63"/>
    </row>
    <row r="161" spans="1:42" s="32" customFormat="1" ht="28.5" customHeight="1" x14ac:dyDescent="0.25">
      <c r="A161" s="48"/>
      <c r="B161" s="48"/>
      <c r="C161" s="63"/>
      <c r="D161" s="63"/>
    </row>
    <row r="162" spans="1:42" s="32" customFormat="1" ht="16.5" customHeight="1" x14ac:dyDescent="0.25">
      <c r="A162" s="48"/>
      <c r="B162" s="48"/>
      <c r="C162" s="63"/>
      <c r="D162" s="63"/>
    </row>
    <row r="163" spans="1:42" s="37" customFormat="1" ht="18" customHeight="1" x14ac:dyDescent="0.25"/>
    <row r="164" spans="1:42" s="31" customFormat="1" ht="33" customHeight="1" x14ac:dyDescent="0.25">
      <c r="A164" s="221"/>
      <c r="B164" s="221"/>
    </row>
    <row r="165" spans="1:42" s="31" customFormat="1" ht="22.5" customHeight="1" x14ac:dyDescent="0.25">
      <c r="A165" s="47"/>
      <c r="B165" s="47"/>
    </row>
    <row r="166" spans="1:42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</row>
    <row r="167" spans="1:42" s="32" customFormat="1" ht="28.5" customHeight="1" x14ac:dyDescent="0.25">
      <c r="A167" s="48"/>
      <c r="B167" s="48"/>
    </row>
    <row r="168" spans="1:42" s="32" customFormat="1" ht="28.5" customHeight="1" x14ac:dyDescent="0.25">
      <c r="A168" s="48"/>
      <c r="B168" s="48"/>
      <c r="C168" s="63"/>
      <c r="D168" s="63"/>
    </row>
    <row r="169" spans="1:42" s="32" customFormat="1" ht="28.5" customHeight="1" x14ac:dyDescent="0.25">
      <c r="A169" s="48"/>
      <c r="B169" s="48"/>
      <c r="C169" s="63"/>
      <c r="D169" s="63"/>
    </row>
    <row r="170" spans="1:42" s="32" customFormat="1" ht="16.5" customHeight="1" x14ac:dyDescent="0.25">
      <c r="A170" s="48"/>
      <c r="B170" s="48"/>
      <c r="C170" s="63"/>
      <c r="D170" s="63"/>
    </row>
    <row r="171" spans="1:42" s="37" customFormat="1" ht="18" customHeight="1" x14ac:dyDescent="0.25"/>
    <row r="172" spans="1:42" s="31" customFormat="1" ht="33" customHeight="1" x14ac:dyDescent="0.25">
      <c r="A172" s="221"/>
      <c r="B172" s="221"/>
    </row>
    <row r="173" spans="1:42" s="31" customFormat="1" ht="22.5" customHeight="1" x14ac:dyDescent="0.25">
      <c r="A173" s="47"/>
      <c r="B173" s="47"/>
    </row>
    <row r="174" spans="1:42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</row>
    <row r="175" spans="1:42" s="32" customFormat="1" ht="28.5" customHeight="1" x14ac:dyDescent="0.25">
      <c r="A175" s="48"/>
      <c r="B175" s="48"/>
    </row>
    <row r="176" spans="1:42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246" priority="13">
      <formula>LEN(TRIM(B189))=0</formula>
    </cfRule>
  </conditionalFormatting>
  <conditionalFormatting sqref="B190:C190">
    <cfRule type="containsBlanks" dxfId="245" priority="12">
      <formula>LEN(TRIM(B190))=0</formula>
    </cfRule>
  </conditionalFormatting>
  <conditionalFormatting sqref="H187:I187">
    <cfRule type="containsBlanks" dxfId="244" priority="11">
      <formula>LEN(TRIM(H187))=0</formula>
    </cfRule>
  </conditionalFormatting>
  <conditionalFormatting sqref="H188:I188">
    <cfRule type="containsBlanks" dxfId="243" priority="10">
      <formula>LEN(TRIM(H188))=0</formula>
    </cfRule>
  </conditionalFormatting>
  <conditionalFormatting sqref="C180:D182">
    <cfRule type="containsBlanks" dxfId="242" priority="9">
      <formula>LEN(TRIM(C180))=0</formula>
    </cfRule>
  </conditionalFormatting>
  <conditionalFormatting sqref="C184:D186">
    <cfRule type="containsBlanks" dxfId="241" priority="8">
      <formula>LEN(TRIM(C184))=0</formula>
    </cfRule>
  </conditionalFormatting>
  <conditionalFormatting sqref="J15:J19">
    <cfRule type="cellIs" dxfId="240" priority="7" operator="greaterThan">
      <formula>2560820</formula>
    </cfRule>
  </conditionalFormatting>
  <conditionalFormatting sqref="B31:C31">
    <cfRule type="containsBlanks" dxfId="239" priority="6">
      <formula>LEN(TRIM(B31))=0</formula>
    </cfRule>
  </conditionalFormatting>
  <conditionalFormatting sqref="B32:C32">
    <cfRule type="containsBlanks" dxfId="238" priority="5">
      <formula>LEN(TRIM(B32))=0</formula>
    </cfRule>
  </conditionalFormatting>
  <conditionalFormatting sqref="H29:I29">
    <cfRule type="containsBlanks" dxfId="237" priority="4">
      <formula>LEN(TRIM(H29))=0</formula>
    </cfRule>
  </conditionalFormatting>
  <conditionalFormatting sqref="H30:I30">
    <cfRule type="containsBlanks" dxfId="236" priority="3">
      <formula>LEN(TRIM(H30))=0</formula>
    </cfRule>
  </conditionalFormatting>
  <conditionalFormatting sqref="C22:D24">
    <cfRule type="containsBlanks" dxfId="235" priority="2">
      <formula>LEN(TRIM(C22))=0</formula>
    </cfRule>
  </conditionalFormatting>
  <conditionalFormatting sqref="C26:D28">
    <cfRule type="containsBlanks" dxfId="234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1.710937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  <c r="T1" s="159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16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52"/>
      <c r="M5" s="234" t="s">
        <v>34</v>
      </c>
      <c r="N5" s="235"/>
      <c r="P5" s="31"/>
      <c r="Q5" s="166"/>
      <c r="R5" s="166"/>
      <c r="S5" s="166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65.25" customHeight="1" thickBot="1" x14ac:dyDescent="0.3">
      <c r="A8" s="113" t="s">
        <v>0</v>
      </c>
      <c r="B8" s="150" t="s">
        <v>117</v>
      </c>
      <c r="C8" s="153" t="s">
        <v>196</v>
      </c>
      <c r="D8" s="154" t="s">
        <v>117</v>
      </c>
      <c r="E8" s="198" t="s">
        <v>119</v>
      </c>
      <c r="F8" s="200" t="s">
        <v>120</v>
      </c>
      <c r="G8" s="161" t="s">
        <v>68</v>
      </c>
      <c r="H8" s="199" t="s">
        <v>121</v>
      </c>
      <c r="I8" s="151">
        <v>6930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49" t="s">
        <v>46</v>
      </c>
      <c r="B10" s="249"/>
      <c r="C10" s="249"/>
      <c r="D10" s="249"/>
      <c r="E10" s="249"/>
      <c r="F10" s="249"/>
      <c r="G10" s="249"/>
      <c r="H10" s="249"/>
      <c r="I10" s="249"/>
      <c r="J10" s="249"/>
      <c r="K10" s="249"/>
      <c r="L10" s="249"/>
      <c r="M10" s="249"/>
    </row>
    <row r="11" spans="1:20" s="71" customFormat="1" ht="30" customHeight="1" x14ac:dyDescent="0.25">
      <c r="A11" s="215" t="s">
        <v>118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09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233" priority="13">
      <formula>LEN(TRIM(B189))=0</formula>
    </cfRule>
  </conditionalFormatting>
  <conditionalFormatting sqref="B190:C190">
    <cfRule type="containsBlanks" dxfId="232" priority="12">
      <formula>LEN(TRIM(B190))=0</formula>
    </cfRule>
  </conditionalFormatting>
  <conditionalFormatting sqref="H187:I187">
    <cfRule type="containsBlanks" dxfId="231" priority="11">
      <formula>LEN(TRIM(H187))=0</formula>
    </cfRule>
  </conditionalFormatting>
  <conditionalFormatting sqref="H188:I188">
    <cfRule type="containsBlanks" dxfId="230" priority="10">
      <formula>LEN(TRIM(H188))=0</formula>
    </cfRule>
  </conditionalFormatting>
  <conditionalFormatting sqref="C180:D182">
    <cfRule type="containsBlanks" dxfId="229" priority="9">
      <formula>LEN(TRIM(C180))=0</formula>
    </cfRule>
  </conditionalFormatting>
  <conditionalFormatting sqref="C184:D186">
    <cfRule type="containsBlanks" dxfId="228" priority="8">
      <formula>LEN(TRIM(C184))=0</formula>
    </cfRule>
  </conditionalFormatting>
  <conditionalFormatting sqref="J15:J19">
    <cfRule type="cellIs" dxfId="227" priority="7" operator="greaterThan">
      <formula>2560820</formula>
    </cfRule>
  </conditionalFormatting>
  <conditionalFormatting sqref="B31:C31">
    <cfRule type="containsBlanks" dxfId="226" priority="6">
      <formula>LEN(TRIM(B31))=0</formula>
    </cfRule>
  </conditionalFormatting>
  <conditionalFormatting sqref="B32:C32">
    <cfRule type="containsBlanks" dxfId="225" priority="5">
      <formula>LEN(TRIM(B32))=0</formula>
    </cfRule>
  </conditionalFormatting>
  <conditionalFormatting sqref="H29:I29">
    <cfRule type="containsBlanks" dxfId="224" priority="4">
      <formula>LEN(TRIM(H29))=0</formula>
    </cfRule>
  </conditionalFormatting>
  <conditionalFormatting sqref="H30:I30">
    <cfRule type="containsBlanks" dxfId="223" priority="3">
      <formula>LEN(TRIM(H30))=0</formula>
    </cfRule>
  </conditionalFormatting>
  <conditionalFormatting sqref="C22:D24">
    <cfRule type="containsBlanks" dxfId="222" priority="2">
      <formula>LEN(TRIM(C22))=0</formula>
    </cfRule>
  </conditionalFormatting>
  <conditionalFormatting sqref="C26:D28">
    <cfRule type="containsBlanks" dxfId="221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0" fitToHeight="0" orientation="landscape" r:id="rId1"/>
  <headerFooter alignWithMargins="0">
    <oddFooter>&amp;C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J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21.1406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9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22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67.5" customHeight="1" thickBot="1" x14ac:dyDescent="0.3">
      <c r="A8" s="156" t="s">
        <v>0</v>
      </c>
      <c r="B8" s="157" t="s">
        <v>124</v>
      </c>
      <c r="C8" s="196" t="s">
        <v>125</v>
      </c>
      <c r="D8" s="201" t="s">
        <v>124</v>
      </c>
      <c r="E8" s="200" t="s">
        <v>126</v>
      </c>
      <c r="F8" s="200" t="s">
        <v>69</v>
      </c>
      <c r="G8" s="118" t="s">
        <v>68</v>
      </c>
      <c r="H8" s="201" t="s">
        <v>127</v>
      </c>
      <c r="I8" s="151">
        <v>726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14" t="s">
        <v>46</v>
      </c>
      <c r="B10" s="214"/>
      <c r="C10" s="214"/>
      <c r="D10" s="214"/>
      <c r="E10" s="214"/>
      <c r="F10" s="214"/>
      <c r="G10" s="214"/>
      <c r="H10" s="214"/>
      <c r="I10" s="214"/>
      <c r="J10" s="214"/>
      <c r="K10" s="214"/>
      <c r="L10" s="214"/>
      <c r="M10" s="214"/>
    </row>
    <row r="11" spans="1:20" s="71" customFormat="1" ht="30" customHeight="1" x14ac:dyDescent="0.25">
      <c r="A11" s="215" t="s">
        <v>123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50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10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36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36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36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36" x14ac:dyDescent="0.2">
      <c r="A36" s="60"/>
      <c r="B36" s="49" t="s">
        <v>10</v>
      </c>
    </row>
    <row r="37" spans="1:36" s="31" customFormat="1" ht="22.5" customHeight="1" x14ac:dyDescent="0.25">
      <c r="A37" s="47"/>
      <c r="B37" s="47"/>
    </row>
    <row r="38" spans="1:36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</row>
    <row r="39" spans="1:36" s="32" customFormat="1" ht="28.5" customHeight="1" x14ac:dyDescent="0.25">
      <c r="A39" s="48"/>
      <c r="B39" s="48"/>
    </row>
    <row r="40" spans="1:36" s="32" customFormat="1" ht="28.5" customHeight="1" x14ac:dyDescent="0.25">
      <c r="A40" s="48"/>
      <c r="B40" s="48"/>
      <c r="C40" s="63"/>
      <c r="D40" s="63"/>
    </row>
    <row r="41" spans="1:36" s="32" customFormat="1" ht="28.5" customHeight="1" x14ac:dyDescent="0.25">
      <c r="A41" s="48"/>
      <c r="B41" s="48"/>
      <c r="C41" s="63"/>
      <c r="D41" s="63"/>
    </row>
    <row r="42" spans="1:36" s="32" customFormat="1" ht="16.5" customHeight="1" x14ac:dyDescent="0.25">
      <c r="A42" s="48"/>
      <c r="B42" s="48"/>
      <c r="C42" s="63"/>
      <c r="D42" s="63"/>
    </row>
    <row r="43" spans="1:36" s="37" customFormat="1" ht="18" customHeight="1" x14ac:dyDescent="0.25"/>
    <row r="44" spans="1:36" s="31" customFormat="1" ht="33" customHeight="1" x14ac:dyDescent="0.25">
      <c r="A44" s="221"/>
      <c r="B44" s="221"/>
    </row>
    <row r="45" spans="1:36" s="31" customFormat="1" ht="22.5" customHeight="1" x14ac:dyDescent="0.25">
      <c r="A45" s="47"/>
      <c r="B45" s="47"/>
    </row>
    <row r="46" spans="1:36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</row>
    <row r="47" spans="1:36" s="32" customFormat="1" ht="28.5" customHeight="1" x14ac:dyDescent="0.25">
      <c r="A47" s="48"/>
      <c r="B47" s="48"/>
    </row>
    <row r="48" spans="1:36" s="32" customFormat="1" ht="28.5" customHeight="1" x14ac:dyDescent="0.25">
      <c r="A48" s="48"/>
      <c r="B48" s="48"/>
      <c r="C48" s="63"/>
      <c r="D48" s="63"/>
    </row>
    <row r="49" spans="1:36" s="32" customFormat="1" ht="28.5" customHeight="1" x14ac:dyDescent="0.25">
      <c r="A49" s="48"/>
      <c r="B49" s="48"/>
      <c r="C49" s="63"/>
      <c r="D49" s="63"/>
    </row>
    <row r="50" spans="1:36" s="32" customFormat="1" ht="16.5" customHeight="1" x14ac:dyDescent="0.25">
      <c r="A50" s="48"/>
      <c r="B50" s="48"/>
      <c r="C50" s="63"/>
      <c r="D50" s="63"/>
    </row>
    <row r="51" spans="1:36" s="37" customFormat="1" ht="18" customHeight="1" x14ac:dyDescent="0.25"/>
    <row r="52" spans="1:36" s="31" customFormat="1" ht="33" customHeight="1" x14ac:dyDescent="0.25">
      <c r="A52" s="221"/>
      <c r="B52" s="221"/>
    </row>
    <row r="53" spans="1:36" s="31" customFormat="1" ht="22.5" customHeight="1" x14ac:dyDescent="0.25">
      <c r="A53" s="47"/>
      <c r="B53" s="47"/>
    </row>
    <row r="54" spans="1:36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</row>
    <row r="55" spans="1:36" s="32" customFormat="1" ht="28.5" customHeight="1" x14ac:dyDescent="0.25">
      <c r="A55" s="48"/>
      <c r="B55" s="48"/>
    </row>
    <row r="56" spans="1:36" s="32" customFormat="1" ht="28.5" customHeight="1" x14ac:dyDescent="0.25">
      <c r="A56" s="48"/>
      <c r="B56" s="48"/>
      <c r="C56" s="63"/>
      <c r="D56" s="63"/>
    </row>
    <row r="57" spans="1:36" s="32" customFormat="1" ht="28.5" customHeight="1" x14ac:dyDescent="0.25">
      <c r="A57" s="48"/>
      <c r="B57" s="48"/>
      <c r="C57" s="63"/>
      <c r="D57" s="63"/>
    </row>
    <row r="58" spans="1:36" s="32" customFormat="1" ht="16.5" customHeight="1" x14ac:dyDescent="0.25">
      <c r="A58" s="48"/>
      <c r="B58" s="48"/>
      <c r="C58" s="63"/>
      <c r="D58" s="63"/>
    </row>
    <row r="59" spans="1:36" s="37" customFormat="1" ht="18" customHeight="1" x14ac:dyDescent="0.25"/>
    <row r="60" spans="1:36" s="31" customFormat="1" ht="33" customHeight="1" x14ac:dyDescent="0.25">
      <c r="A60" s="221"/>
      <c r="B60" s="221"/>
    </row>
    <row r="61" spans="1:36" s="31" customFormat="1" ht="22.5" customHeight="1" x14ac:dyDescent="0.25">
      <c r="A61" s="47"/>
      <c r="B61" s="47"/>
    </row>
    <row r="62" spans="1:36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</row>
    <row r="63" spans="1:36" s="32" customFormat="1" ht="28.5" customHeight="1" x14ac:dyDescent="0.25">
      <c r="A63" s="48"/>
      <c r="B63" s="48"/>
    </row>
    <row r="64" spans="1:36" s="32" customFormat="1" ht="28.5" customHeight="1" x14ac:dyDescent="0.25">
      <c r="A64" s="48"/>
      <c r="B64" s="48"/>
      <c r="C64" s="63"/>
      <c r="D64" s="63"/>
    </row>
    <row r="65" spans="1:36" s="32" customFormat="1" ht="28.5" customHeight="1" x14ac:dyDescent="0.25">
      <c r="A65" s="48"/>
      <c r="B65" s="48"/>
      <c r="C65" s="63"/>
      <c r="D65" s="63"/>
    </row>
    <row r="66" spans="1:36" s="32" customFormat="1" ht="16.5" customHeight="1" x14ac:dyDescent="0.25">
      <c r="A66" s="48"/>
      <c r="B66" s="48"/>
      <c r="C66" s="63"/>
      <c r="D66" s="63"/>
    </row>
    <row r="67" spans="1:36" s="37" customFormat="1" ht="18" customHeight="1" x14ac:dyDescent="0.25"/>
    <row r="68" spans="1:36" s="31" customFormat="1" ht="33" customHeight="1" x14ac:dyDescent="0.25">
      <c r="A68" s="221"/>
      <c r="B68" s="221"/>
    </row>
    <row r="69" spans="1:36" s="31" customFormat="1" ht="22.5" customHeight="1" x14ac:dyDescent="0.25">
      <c r="A69" s="47"/>
      <c r="B69" s="47"/>
    </row>
    <row r="70" spans="1:36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</row>
    <row r="71" spans="1:36" s="32" customFormat="1" ht="28.5" customHeight="1" x14ac:dyDescent="0.25">
      <c r="A71" s="48"/>
      <c r="B71" s="48"/>
    </row>
    <row r="72" spans="1:36" s="32" customFormat="1" ht="28.5" customHeight="1" x14ac:dyDescent="0.25">
      <c r="A72" s="48"/>
      <c r="B72" s="48"/>
      <c r="C72" s="63"/>
      <c r="D72" s="63"/>
    </row>
    <row r="73" spans="1:36" s="32" customFormat="1" ht="28.5" customHeight="1" x14ac:dyDescent="0.25">
      <c r="A73" s="48"/>
      <c r="B73" s="48"/>
      <c r="C73" s="63"/>
      <c r="D73" s="63"/>
    </row>
    <row r="74" spans="1:36" s="32" customFormat="1" ht="16.5" customHeight="1" x14ac:dyDescent="0.25">
      <c r="A74" s="48"/>
      <c r="B74" s="48"/>
      <c r="C74" s="63"/>
      <c r="D74" s="63"/>
    </row>
    <row r="75" spans="1:36" s="37" customFormat="1" ht="18" customHeight="1" x14ac:dyDescent="0.25"/>
    <row r="76" spans="1:36" s="31" customFormat="1" ht="33" customHeight="1" x14ac:dyDescent="0.25">
      <c r="A76" s="221"/>
      <c r="B76" s="221"/>
    </row>
    <row r="77" spans="1:36" s="31" customFormat="1" ht="22.5" customHeight="1" x14ac:dyDescent="0.25">
      <c r="A77" s="47"/>
      <c r="B77" s="47"/>
    </row>
    <row r="78" spans="1:36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</row>
    <row r="79" spans="1:36" s="32" customFormat="1" ht="28.5" customHeight="1" x14ac:dyDescent="0.25">
      <c r="A79" s="48"/>
      <c r="B79" s="48"/>
    </row>
    <row r="80" spans="1:36" s="32" customFormat="1" ht="28.5" customHeight="1" x14ac:dyDescent="0.25">
      <c r="A80" s="48"/>
      <c r="B80" s="48"/>
      <c r="C80" s="63"/>
      <c r="D80" s="63"/>
    </row>
    <row r="81" spans="1:36" s="32" customFormat="1" ht="28.5" customHeight="1" x14ac:dyDescent="0.25">
      <c r="A81" s="48"/>
      <c r="B81" s="48"/>
      <c r="C81" s="63"/>
      <c r="D81" s="63"/>
    </row>
    <row r="82" spans="1:36" s="32" customFormat="1" ht="16.5" customHeight="1" x14ac:dyDescent="0.25">
      <c r="A82" s="48"/>
      <c r="B82" s="48"/>
      <c r="C82" s="63"/>
      <c r="D82" s="63"/>
    </row>
    <row r="83" spans="1:36" s="37" customFormat="1" ht="18" customHeight="1" x14ac:dyDescent="0.25"/>
    <row r="84" spans="1:36" s="31" customFormat="1" ht="33" customHeight="1" x14ac:dyDescent="0.25">
      <c r="A84" s="221"/>
      <c r="B84" s="221"/>
    </row>
    <row r="85" spans="1:36" s="31" customFormat="1" ht="22.5" customHeight="1" x14ac:dyDescent="0.25">
      <c r="A85" s="47"/>
      <c r="B85" s="47"/>
    </row>
    <row r="86" spans="1:36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</row>
    <row r="87" spans="1:36" s="32" customFormat="1" ht="28.5" customHeight="1" x14ac:dyDescent="0.25">
      <c r="A87" s="48"/>
      <c r="B87" s="48"/>
    </row>
    <row r="88" spans="1:36" s="32" customFormat="1" ht="28.5" customHeight="1" x14ac:dyDescent="0.25">
      <c r="A88" s="48"/>
      <c r="B88" s="48"/>
      <c r="C88" s="63"/>
      <c r="D88" s="63"/>
    </row>
    <row r="89" spans="1:36" s="32" customFormat="1" ht="28.5" customHeight="1" x14ac:dyDescent="0.25">
      <c r="A89" s="48"/>
      <c r="B89" s="48"/>
      <c r="C89" s="63"/>
      <c r="D89" s="63"/>
    </row>
    <row r="90" spans="1:36" s="32" customFormat="1" ht="16.5" customHeight="1" x14ac:dyDescent="0.25">
      <c r="A90" s="48"/>
      <c r="B90" s="48"/>
      <c r="C90" s="63"/>
      <c r="D90" s="63"/>
    </row>
    <row r="91" spans="1:36" s="37" customFormat="1" ht="18" customHeight="1" x14ac:dyDescent="0.25"/>
    <row r="92" spans="1:36" s="31" customFormat="1" ht="33" customHeight="1" x14ac:dyDescent="0.25">
      <c r="A92" s="221"/>
      <c r="B92" s="221"/>
    </row>
    <row r="93" spans="1:36" s="31" customFormat="1" ht="22.5" customHeight="1" x14ac:dyDescent="0.25">
      <c r="A93" s="47"/>
      <c r="B93" s="47"/>
    </row>
    <row r="94" spans="1:36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</row>
    <row r="95" spans="1:36" s="32" customFormat="1" ht="28.5" customHeight="1" x14ac:dyDescent="0.25">
      <c r="A95" s="48"/>
      <c r="B95" s="48"/>
    </row>
    <row r="96" spans="1:36" s="32" customFormat="1" ht="28.5" customHeight="1" x14ac:dyDescent="0.25">
      <c r="A96" s="48"/>
      <c r="B96" s="48"/>
      <c r="C96" s="63"/>
      <c r="D96" s="63"/>
    </row>
    <row r="97" spans="1:36" s="32" customFormat="1" ht="28.5" customHeight="1" x14ac:dyDescent="0.25">
      <c r="A97" s="48"/>
      <c r="B97" s="48"/>
      <c r="C97" s="63"/>
      <c r="D97" s="63"/>
    </row>
    <row r="98" spans="1:36" s="32" customFormat="1" ht="16.5" customHeight="1" x14ac:dyDescent="0.25">
      <c r="A98" s="48"/>
      <c r="B98" s="48"/>
      <c r="C98" s="63"/>
      <c r="D98" s="63"/>
    </row>
    <row r="99" spans="1:36" s="37" customFormat="1" ht="18" customHeight="1" x14ac:dyDescent="0.25"/>
    <row r="100" spans="1:36" s="31" customFormat="1" ht="33" customHeight="1" x14ac:dyDescent="0.25">
      <c r="A100" s="221"/>
      <c r="B100" s="221"/>
    </row>
    <row r="101" spans="1:36" s="31" customFormat="1" ht="22.5" customHeight="1" x14ac:dyDescent="0.25">
      <c r="A101" s="47"/>
      <c r="B101" s="47"/>
    </row>
    <row r="102" spans="1:36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</row>
    <row r="103" spans="1:36" s="32" customFormat="1" ht="28.5" customHeight="1" x14ac:dyDescent="0.25">
      <c r="A103" s="48"/>
      <c r="B103" s="48"/>
    </row>
    <row r="104" spans="1:36" s="32" customFormat="1" ht="28.5" customHeight="1" x14ac:dyDescent="0.25">
      <c r="A104" s="48"/>
      <c r="B104" s="48"/>
      <c r="C104" s="63"/>
      <c r="D104" s="63"/>
    </row>
    <row r="105" spans="1:36" s="32" customFormat="1" ht="28.5" customHeight="1" x14ac:dyDescent="0.25">
      <c r="A105" s="48"/>
      <c r="B105" s="48"/>
      <c r="C105" s="63"/>
      <c r="D105" s="63"/>
    </row>
    <row r="106" spans="1:36" s="32" customFormat="1" ht="16.5" customHeight="1" x14ac:dyDescent="0.25">
      <c r="A106" s="48"/>
      <c r="B106" s="48"/>
      <c r="C106" s="63"/>
      <c r="D106" s="63"/>
    </row>
    <row r="107" spans="1:36" s="37" customFormat="1" ht="40.5" customHeight="1" x14ac:dyDescent="0.25"/>
    <row r="108" spans="1:36" s="31" customFormat="1" ht="33" customHeight="1" x14ac:dyDescent="0.25">
      <c r="A108" s="221"/>
      <c r="B108" s="221"/>
    </row>
    <row r="109" spans="1:36" s="31" customFormat="1" ht="22.5" customHeight="1" x14ac:dyDescent="0.25">
      <c r="A109" s="47"/>
      <c r="B109" s="47"/>
    </row>
    <row r="110" spans="1:36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</row>
    <row r="111" spans="1:36" s="32" customFormat="1" ht="28.5" customHeight="1" x14ac:dyDescent="0.25">
      <c r="A111" s="48"/>
      <c r="B111" s="48"/>
    </row>
    <row r="112" spans="1:36" s="32" customFormat="1" ht="28.5" customHeight="1" x14ac:dyDescent="0.25">
      <c r="A112" s="48"/>
      <c r="B112" s="48"/>
      <c r="C112" s="63"/>
      <c r="D112" s="63"/>
    </row>
    <row r="113" spans="1:36" s="32" customFormat="1" ht="28.5" customHeight="1" x14ac:dyDescent="0.25">
      <c r="A113" s="48"/>
      <c r="B113" s="48"/>
      <c r="C113" s="63"/>
      <c r="D113" s="63"/>
    </row>
    <row r="114" spans="1:36" s="32" customFormat="1" ht="16.5" customHeight="1" x14ac:dyDescent="0.25">
      <c r="A114" s="48"/>
      <c r="B114" s="48"/>
      <c r="C114" s="63"/>
      <c r="D114" s="63"/>
    </row>
    <row r="115" spans="1:36" s="37" customFormat="1" ht="18" customHeight="1" x14ac:dyDescent="0.25"/>
    <row r="116" spans="1:36" s="31" customFormat="1" ht="33" customHeight="1" x14ac:dyDescent="0.25">
      <c r="A116" s="221"/>
      <c r="B116" s="221"/>
    </row>
    <row r="117" spans="1:36" s="31" customFormat="1" ht="22.5" customHeight="1" x14ac:dyDescent="0.25">
      <c r="A117" s="47"/>
      <c r="B117" s="47"/>
    </row>
    <row r="118" spans="1:36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</row>
    <row r="119" spans="1:36" s="32" customFormat="1" ht="28.5" customHeight="1" x14ac:dyDescent="0.25">
      <c r="A119" s="48"/>
      <c r="B119" s="48"/>
    </row>
    <row r="120" spans="1:36" s="32" customFormat="1" ht="28.5" customHeight="1" x14ac:dyDescent="0.25">
      <c r="A120" s="48"/>
      <c r="B120" s="48"/>
      <c r="C120" s="63"/>
      <c r="D120" s="63"/>
    </row>
    <row r="121" spans="1:36" s="32" customFormat="1" ht="28.5" customHeight="1" x14ac:dyDescent="0.25">
      <c r="A121" s="48"/>
      <c r="B121" s="48"/>
      <c r="C121" s="63"/>
      <c r="D121" s="63"/>
    </row>
    <row r="122" spans="1:36" s="32" customFormat="1" ht="16.5" customHeight="1" x14ac:dyDescent="0.25">
      <c r="A122" s="48"/>
      <c r="B122" s="48"/>
      <c r="C122" s="63"/>
      <c r="D122" s="63"/>
    </row>
    <row r="123" spans="1:36" s="37" customFormat="1" ht="18" customHeight="1" x14ac:dyDescent="0.25"/>
    <row r="124" spans="1:36" s="31" customFormat="1" ht="33" customHeight="1" x14ac:dyDescent="0.25">
      <c r="A124" s="221"/>
      <c r="B124" s="221"/>
    </row>
    <row r="125" spans="1:36" s="31" customFormat="1" ht="22.5" customHeight="1" x14ac:dyDescent="0.25">
      <c r="A125" s="47"/>
      <c r="B125" s="47"/>
    </row>
    <row r="126" spans="1:36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</row>
    <row r="127" spans="1:36" s="32" customFormat="1" ht="28.5" customHeight="1" x14ac:dyDescent="0.25">
      <c r="A127" s="48"/>
      <c r="B127" s="48"/>
    </row>
    <row r="128" spans="1:36" s="32" customFormat="1" ht="28.5" customHeight="1" x14ac:dyDescent="0.25">
      <c r="A128" s="48"/>
      <c r="B128" s="48"/>
      <c r="C128" s="63"/>
      <c r="D128" s="63"/>
    </row>
    <row r="129" spans="1:36" s="32" customFormat="1" ht="28.5" customHeight="1" x14ac:dyDescent="0.25">
      <c r="A129" s="48"/>
      <c r="B129" s="48"/>
      <c r="C129" s="63"/>
      <c r="D129" s="63"/>
    </row>
    <row r="130" spans="1:36" s="32" customFormat="1" ht="16.5" customHeight="1" x14ac:dyDescent="0.25">
      <c r="A130" s="48"/>
      <c r="B130" s="48"/>
      <c r="C130" s="63"/>
      <c r="D130" s="63"/>
    </row>
    <row r="131" spans="1:36" s="37" customFormat="1" ht="18" customHeight="1" x14ac:dyDescent="0.25"/>
    <row r="132" spans="1:36" s="31" customFormat="1" ht="33" customHeight="1" x14ac:dyDescent="0.25">
      <c r="A132" s="221"/>
      <c r="B132" s="221"/>
    </row>
    <row r="133" spans="1:36" s="31" customFormat="1" ht="22.5" customHeight="1" x14ac:dyDescent="0.25">
      <c r="A133" s="47"/>
      <c r="B133" s="47"/>
    </row>
    <row r="134" spans="1:36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</row>
    <row r="135" spans="1:36" s="32" customFormat="1" ht="28.5" customHeight="1" x14ac:dyDescent="0.25">
      <c r="A135" s="48"/>
      <c r="B135" s="48"/>
    </row>
    <row r="136" spans="1:36" s="32" customFormat="1" ht="28.5" customHeight="1" x14ac:dyDescent="0.25">
      <c r="A136" s="48"/>
      <c r="B136" s="48"/>
      <c r="C136" s="63"/>
      <c r="D136" s="63"/>
    </row>
    <row r="137" spans="1:36" s="32" customFormat="1" ht="28.5" customHeight="1" x14ac:dyDescent="0.25">
      <c r="A137" s="48"/>
      <c r="B137" s="48"/>
      <c r="C137" s="63"/>
      <c r="D137" s="63"/>
    </row>
    <row r="138" spans="1:36" s="32" customFormat="1" ht="16.5" customHeight="1" x14ac:dyDescent="0.25">
      <c r="A138" s="48"/>
      <c r="B138" s="48"/>
      <c r="C138" s="63"/>
      <c r="D138" s="63"/>
    </row>
    <row r="139" spans="1:36" s="37" customFormat="1" ht="18" customHeight="1" x14ac:dyDescent="0.25"/>
    <row r="140" spans="1:36" s="31" customFormat="1" ht="33" customHeight="1" x14ac:dyDescent="0.25">
      <c r="A140" s="221"/>
      <c r="B140" s="221"/>
    </row>
    <row r="141" spans="1:36" s="31" customFormat="1" ht="22.5" customHeight="1" x14ac:dyDescent="0.25">
      <c r="A141" s="47"/>
      <c r="B141" s="47"/>
    </row>
    <row r="142" spans="1:36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</row>
    <row r="143" spans="1:36" s="32" customFormat="1" ht="28.5" customHeight="1" x14ac:dyDescent="0.25">
      <c r="A143" s="48"/>
      <c r="B143" s="48"/>
    </row>
    <row r="144" spans="1:36" s="32" customFormat="1" ht="28.5" customHeight="1" x14ac:dyDescent="0.25">
      <c r="A144" s="48"/>
      <c r="B144" s="48"/>
      <c r="C144" s="63"/>
      <c r="D144" s="63"/>
    </row>
    <row r="145" spans="1:36" s="32" customFormat="1" ht="28.5" customHeight="1" x14ac:dyDescent="0.25">
      <c r="A145" s="48"/>
      <c r="B145" s="48"/>
      <c r="C145" s="63"/>
      <c r="D145" s="63"/>
    </row>
    <row r="146" spans="1:36" s="32" customFormat="1" ht="16.5" customHeight="1" x14ac:dyDescent="0.25">
      <c r="A146" s="48"/>
      <c r="B146" s="48"/>
      <c r="C146" s="63"/>
      <c r="D146" s="63"/>
    </row>
    <row r="147" spans="1:36" s="37" customFormat="1" ht="18" customHeight="1" x14ac:dyDescent="0.25"/>
    <row r="148" spans="1:36" s="31" customFormat="1" ht="33" customHeight="1" x14ac:dyDescent="0.25">
      <c r="A148" s="221"/>
      <c r="B148" s="221"/>
    </row>
    <row r="149" spans="1:36" s="31" customFormat="1" ht="22.5" customHeight="1" x14ac:dyDescent="0.25">
      <c r="A149" s="47"/>
      <c r="B149" s="47"/>
    </row>
    <row r="150" spans="1:36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</row>
    <row r="151" spans="1:36" s="32" customFormat="1" ht="28.5" customHeight="1" x14ac:dyDescent="0.25">
      <c r="A151" s="48"/>
      <c r="B151" s="48"/>
    </row>
    <row r="152" spans="1:36" s="32" customFormat="1" ht="28.5" customHeight="1" x14ac:dyDescent="0.25">
      <c r="A152" s="48"/>
      <c r="B152" s="48"/>
      <c r="C152" s="63"/>
      <c r="D152" s="63"/>
    </row>
    <row r="153" spans="1:36" s="32" customFormat="1" ht="28.5" customHeight="1" x14ac:dyDescent="0.25">
      <c r="A153" s="48"/>
      <c r="B153" s="48"/>
      <c r="C153" s="63"/>
      <c r="D153" s="63"/>
    </row>
    <row r="154" spans="1:36" s="32" customFormat="1" ht="16.5" customHeight="1" x14ac:dyDescent="0.25">
      <c r="A154" s="48"/>
      <c r="B154" s="48"/>
      <c r="C154" s="63"/>
      <c r="D154" s="63"/>
    </row>
    <row r="155" spans="1:36" s="37" customFormat="1" ht="18" customHeight="1" x14ac:dyDescent="0.25"/>
    <row r="156" spans="1:36" s="31" customFormat="1" ht="33" customHeight="1" x14ac:dyDescent="0.25">
      <c r="A156" s="221"/>
      <c r="B156" s="221"/>
    </row>
    <row r="157" spans="1:36" s="31" customFormat="1" ht="22.5" customHeight="1" x14ac:dyDescent="0.25">
      <c r="A157" s="47"/>
      <c r="B157" s="47"/>
    </row>
    <row r="158" spans="1:36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</row>
    <row r="159" spans="1:36" s="32" customFormat="1" ht="28.5" customHeight="1" x14ac:dyDescent="0.25">
      <c r="A159" s="48"/>
      <c r="B159" s="48"/>
    </row>
    <row r="160" spans="1:36" s="32" customFormat="1" ht="28.5" customHeight="1" x14ac:dyDescent="0.25">
      <c r="A160" s="48"/>
      <c r="B160" s="48"/>
      <c r="C160" s="63"/>
      <c r="D160" s="63"/>
    </row>
    <row r="161" spans="1:36" s="32" customFormat="1" ht="28.5" customHeight="1" x14ac:dyDescent="0.25">
      <c r="A161" s="48"/>
      <c r="B161" s="48"/>
      <c r="C161" s="63"/>
      <c r="D161" s="63"/>
    </row>
    <row r="162" spans="1:36" s="32" customFormat="1" ht="16.5" customHeight="1" x14ac:dyDescent="0.25">
      <c r="A162" s="48"/>
      <c r="B162" s="48"/>
      <c r="C162" s="63"/>
      <c r="D162" s="63"/>
    </row>
    <row r="163" spans="1:36" s="37" customFormat="1" ht="18" customHeight="1" x14ac:dyDescent="0.25"/>
    <row r="164" spans="1:36" s="31" customFormat="1" ht="33" customHeight="1" x14ac:dyDescent="0.25">
      <c r="A164" s="221"/>
      <c r="B164" s="221"/>
    </row>
    <row r="165" spans="1:36" s="31" customFormat="1" ht="22.5" customHeight="1" x14ac:dyDescent="0.25">
      <c r="A165" s="47"/>
      <c r="B165" s="47"/>
    </row>
    <row r="166" spans="1:36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</row>
    <row r="167" spans="1:36" s="32" customFormat="1" ht="28.5" customHeight="1" x14ac:dyDescent="0.25">
      <c r="A167" s="48"/>
      <c r="B167" s="48"/>
    </row>
    <row r="168" spans="1:36" s="32" customFormat="1" ht="28.5" customHeight="1" x14ac:dyDescent="0.25">
      <c r="A168" s="48"/>
      <c r="B168" s="48"/>
      <c r="C168" s="63"/>
      <c r="D168" s="63"/>
    </row>
    <row r="169" spans="1:36" s="32" customFormat="1" ht="28.5" customHeight="1" x14ac:dyDescent="0.25">
      <c r="A169" s="48"/>
      <c r="B169" s="48"/>
      <c r="C169" s="63"/>
      <c r="D169" s="63"/>
    </row>
    <row r="170" spans="1:36" s="32" customFormat="1" ht="16.5" customHeight="1" x14ac:dyDescent="0.25">
      <c r="A170" s="48"/>
      <c r="B170" s="48"/>
      <c r="C170" s="63"/>
      <c r="D170" s="63"/>
    </row>
    <row r="171" spans="1:36" s="37" customFormat="1" ht="18" customHeight="1" x14ac:dyDescent="0.25"/>
    <row r="172" spans="1:36" s="31" customFormat="1" ht="33" customHeight="1" x14ac:dyDescent="0.25">
      <c r="A172" s="221"/>
      <c r="B172" s="221"/>
    </row>
    <row r="173" spans="1:36" s="31" customFormat="1" ht="22.5" customHeight="1" x14ac:dyDescent="0.25">
      <c r="A173" s="47"/>
      <c r="B173" s="47"/>
    </row>
    <row r="174" spans="1:36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</row>
    <row r="175" spans="1:36" s="32" customFormat="1" ht="28.5" customHeight="1" x14ac:dyDescent="0.25">
      <c r="A175" s="48"/>
      <c r="B175" s="48"/>
    </row>
    <row r="176" spans="1:36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220" priority="13">
      <formula>LEN(TRIM(B189))=0</formula>
    </cfRule>
  </conditionalFormatting>
  <conditionalFormatting sqref="B190:C190">
    <cfRule type="containsBlanks" dxfId="219" priority="12">
      <formula>LEN(TRIM(B190))=0</formula>
    </cfRule>
  </conditionalFormatting>
  <conditionalFormatting sqref="H187:I187">
    <cfRule type="containsBlanks" dxfId="218" priority="11">
      <formula>LEN(TRIM(H187))=0</formula>
    </cfRule>
  </conditionalFormatting>
  <conditionalFormatting sqref="H188:I188">
    <cfRule type="containsBlanks" dxfId="217" priority="10">
      <formula>LEN(TRIM(H188))=0</formula>
    </cfRule>
  </conditionalFormatting>
  <conditionalFormatting sqref="C180:D182">
    <cfRule type="containsBlanks" dxfId="216" priority="9">
      <formula>LEN(TRIM(C180))=0</formula>
    </cfRule>
  </conditionalFormatting>
  <conditionalFormatting sqref="C184:D186">
    <cfRule type="containsBlanks" dxfId="215" priority="8">
      <formula>LEN(TRIM(C184))=0</formula>
    </cfRule>
  </conditionalFormatting>
  <conditionalFormatting sqref="J15:J19">
    <cfRule type="cellIs" dxfId="214" priority="7" operator="greaterThan">
      <formula>2560820</formula>
    </cfRule>
  </conditionalFormatting>
  <conditionalFormatting sqref="B31:C31">
    <cfRule type="containsBlanks" dxfId="213" priority="6">
      <formula>LEN(TRIM(B31))=0</formula>
    </cfRule>
  </conditionalFormatting>
  <conditionalFormatting sqref="B32:C32">
    <cfRule type="containsBlanks" dxfId="212" priority="5">
      <formula>LEN(TRIM(B32))=0</formula>
    </cfRule>
  </conditionalFormatting>
  <conditionalFormatting sqref="H29:I29">
    <cfRule type="containsBlanks" dxfId="211" priority="4">
      <formula>LEN(TRIM(H29))=0</formula>
    </cfRule>
  </conditionalFormatting>
  <conditionalFormatting sqref="H30:I30">
    <cfRule type="containsBlanks" dxfId="210" priority="3">
      <formula>LEN(TRIM(H30))=0</formula>
    </cfRule>
  </conditionalFormatting>
  <conditionalFormatting sqref="C22:D24">
    <cfRule type="containsBlanks" dxfId="209" priority="2">
      <formula>LEN(TRIM(C22))=0</formula>
    </cfRule>
  </conditionalFormatting>
  <conditionalFormatting sqref="C26:D28">
    <cfRule type="containsBlanks" dxfId="208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Q195"/>
  <sheetViews>
    <sheetView showGridLines="0" zoomScale="80" zoomScaleNormal="80" workbookViewId="0">
      <selection activeCell="I8" sqref="I8"/>
    </sheetView>
  </sheetViews>
  <sheetFormatPr defaultColWidth="9.140625" defaultRowHeight="12" x14ac:dyDescent="0.2"/>
  <cols>
    <col min="1" max="1" width="5" style="6" customWidth="1"/>
    <col min="2" max="2" width="39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0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0" s="29" customFormat="1" ht="20.100000000000001" customHeight="1" x14ac:dyDescent="0.25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  <c r="N1" s="206"/>
      <c r="O1" s="206"/>
      <c r="P1" s="206"/>
      <c r="Q1" s="206"/>
      <c r="R1" s="206"/>
      <c r="S1" s="206"/>
    </row>
    <row r="2" spans="1:20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0" ht="49.5" customHeight="1" x14ac:dyDescent="0.2">
      <c r="A3" s="241" t="s">
        <v>128</v>
      </c>
      <c r="B3" s="241"/>
      <c r="C3" s="241"/>
      <c r="D3" s="241"/>
      <c r="E3" s="241"/>
      <c r="F3" s="241"/>
      <c r="G3" s="241"/>
      <c r="H3" s="241"/>
      <c r="I3" s="241"/>
      <c r="J3" s="241"/>
      <c r="K3" s="241"/>
      <c r="L3" s="241"/>
    </row>
    <row r="4" spans="1:20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0" s="56" customFormat="1" ht="40.5" customHeight="1" x14ac:dyDescent="0.25">
      <c r="A5" s="242" t="s">
        <v>23</v>
      </c>
      <c r="B5" s="244" t="s">
        <v>40</v>
      </c>
      <c r="C5" s="239" t="s">
        <v>41</v>
      </c>
      <c r="D5" s="247" t="s">
        <v>42</v>
      </c>
      <c r="E5" s="239" t="s">
        <v>43</v>
      </c>
      <c r="F5" s="236" t="s">
        <v>44</v>
      </c>
      <c r="G5" s="236" t="s">
        <v>45</v>
      </c>
      <c r="H5" s="239" t="s">
        <v>52</v>
      </c>
      <c r="I5" s="107" t="s">
        <v>39</v>
      </c>
      <c r="J5" s="234" t="s">
        <v>33</v>
      </c>
      <c r="K5" s="238"/>
      <c r="L5" s="238"/>
      <c r="M5" s="234" t="s">
        <v>34</v>
      </c>
      <c r="N5" s="235"/>
      <c r="P5" s="31"/>
      <c r="Q5" s="166"/>
      <c r="R5" s="166"/>
      <c r="S5" s="166"/>
      <c r="T5" s="166"/>
    </row>
    <row r="6" spans="1:20" s="56" customFormat="1" ht="33" customHeight="1" x14ac:dyDescent="0.25">
      <c r="A6" s="243"/>
      <c r="B6" s="245"/>
      <c r="C6" s="246"/>
      <c r="D6" s="248"/>
      <c r="E6" s="240"/>
      <c r="F6" s="237"/>
      <c r="G6" s="237"/>
      <c r="H6" s="240"/>
      <c r="I6" s="106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66"/>
      <c r="R6" s="166"/>
      <c r="S6" s="166"/>
      <c r="T6" s="166"/>
    </row>
    <row r="7" spans="1:20" s="131" customFormat="1" ht="14.1" customHeight="1" x14ac:dyDescent="0.25">
      <c r="A7" s="123" t="s">
        <v>0</v>
      </c>
      <c r="B7" s="124" t="s">
        <v>11</v>
      </c>
      <c r="C7" s="125" t="s">
        <v>12</v>
      </c>
      <c r="D7" s="125" t="s">
        <v>13</v>
      </c>
      <c r="E7" s="125" t="s">
        <v>14</v>
      </c>
      <c r="F7" s="125" t="s">
        <v>15</v>
      </c>
      <c r="G7" s="125" t="s">
        <v>16</v>
      </c>
      <c r="H7" s="125" t="s">
        <v>73</v>
      </c>
      <c r="I7" s="125" t="s">
        <v>18</v>
      </c>
      <c r="J7" s="126">
        <v>10</v>
      </c>
      <c r="K7" s="127">
        <v>11</v>
      </c>
      <c r="L7" s="128">
        <v>12</v>
      </c>
      <c r="M7" s="129">
        <v>13</v>
      </c>
      <c r="N7" s="130">
        <v>14</v>
      </c>
      <c r="P7" s="132"/>
      <c r="Q7" s="167"/>
      <c r="R7" s="167"/>
      <c r="S7" s="167"/>
    </row>
    <row r="8" spans="1:20" s="57" customFormat="1" ht="63.75" customHeight="1" thickBot="1" x14ac:dyDescent="0.3">
      <c r="A8" s="113" t="s">
        <v>0</v>
      </c>
      <c r="B8" s="155" t="s">
        <v>129</v>
      </c>
      <c r="C8" s="202" t="s">
        <v>131</v>
      </c>
      <c r="D8" s="154" t="s">
        <v>129</v>
      </c>
      <c r="E8" s="200" t="s">
        <v>65</v>
      </c>
      <c r="F8" s="200" t="s">
        <v>132</v>
      </c>
      <c r="G8" s="118" t="s">
        <v>68</v>
      </c>
      <c r="H8" s="201" t="s">
        <v>91</v>
      </c>
      <c r="I8" s="151">
        <v>2970</v>
      </c>
      <c r="J8" s="191"/>
      <c r="K8" s="119"/>
      <c r="L8" s="181">
        <f>J8+(J8*K8)</f>
        <v>0</v>
      </c>
      <c r="M8" s="182">
        <f>I8*J8</f>
        <v>0</v>
      </c>
      <c r="N8" s="183">
        <f>M8+(M8*K8)</f>
        <v>0</v>
      </c>
      <c r="P8" s="63"/>
      <c r="Q8" s="168"/>
      <c r="R8" s="168"/>
      <c r="S8" s="168"/>
      <c r="T8" s="168"/>
    </row>
    <row r="9" spans="1:20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84" t="s">
        <v>35</v>
      </c>
      <c r="M9" s="185">
        <f>SUM(M8)</f>
        <v>0</v>
      </c>
      <c r="N9" s="186">
        <f>SUM(N8)</f>
        <v>0</v>
      </c>
      <c r="O9" s="36"/>
    </row>
    <row r="10" spans="1:20" s="70" customFormat="1" ht="30" customHeight="1" x14ac:dyDescent="0.25">
      <c r="A10" s="249" t="s">
        <v>46</v>
      </c>
      <c r="B10" s="249"/>
      <c r="C10" s="249"/>
      <c r="D10" s="249"/>
      <c r="E10" s="249"/>
      <c r="F10" s="249"/>
      <c r="G10" s="249"/>
      <c r="H10" s="249"/>
      <c r="I10" s="249"/>
      <c r="J10" s="249"/>
      <c r="K10" s="249"/>
      <c r="L10" s="249"/>
      <c r="M10" s="249"/>
    </row>
    <row r="11" spans="1:20" s="71" customFormat="1" ht="30" customHeight="1" x14ac:dyDescent="0.25">
      <c r="A11" s="215" t="s">
        <v>130</v>
      </c>
      <c r="B11" s="215"/>
      <c r="C11" s="215"/>
      <c r="D11" s="215"/>
      <c r="E11" s="215"/>
      <c r="F11" s="215"/>
      <c r="G11" s="215"/>
      <c r="H11" s="215"/>
      <c r="I11" s="215"/>
      <c r="J11" s="215"/>
      <c r="K11" s="215"/>
      <c r="L11" s="215"/>
    </row>
    <row r="12" spans="1:20" s="72" customFormat="1" ht="24.95" customHeight="1" x14ac:dyDescent="0.2">
      <c r="A12" s="216" t="s">
        <v>23</v>
      </c>
      <c r="B12" s="223" t="s">
        <v>47</v>
      </c>
      <c r="C12" s="223" t="s">
        <v>48</v>
      </c>
      <c r="D12" s="223" t="s">
        <v>49</v>
      </c>
      <c r="E12" s="231" t="s">
        <v>50</v>
      </c>
      <c r="F12" s="231" t="s">
        <v>31</v>
      </c>
      <c r="G12" s="225" t="s">
        <v>51</v>
      </c>
      <c r="H12" s="225" t="s">
        <v>52</v>
      </c>
      <c r="I12" s="225" t="s">
        <v>53</v>
      </c>
      <c r="J12" s="225" t="s">
        <v>54</v>
      </c>
      <c r="K12" s="225" t="s">
        <v>55</v>
      </c>
      <c r="L12" s="227" t="s">
        <v>56</v>
      </c>
      <c r="M12" s="229" t="s">
        <v>57</v>
      </c>
      <c r="N12" s="218" t="s">
        <v>32</v>
      </c>
      <c r="O12" s="219"/>
      <c r="P12" s="220"/>
      <c r="Q12" s="218" t="s">
        <v>58</v>
      </c>
      <c r="R12" s="219"/>
      <c r="S12" s="220"/>
    </row>
    <row r="13" spans="1:20" s="72" customFormat="1" ht="24.95" customHeight="1" x14ac:dyDescent="0.2">
      <c r="A13" s="217"/>
      <c r="B13" s="224"/>
      <c r="C13" s="224"/>
      <c r="D13" s="224"/>
      <c r="E13" s="232"/>
      <c r="F13" s="232"/>
      <c r="G13" s="226"/>
      <c r="H13" s="226"/>
      <c r="I13" s="226"/>
      <c r="J13" s="226"/>
      <c r="K13" s="226"/>
      <c r="L13" s="228"/>
      <c r="M13" s="230"/>
      <c r="N13" s="73" t="s">
        <v>24</v>
      </c>
      <c r="O13" s="74" t="s">
        <v>59</v>
      </c>
      <c r="P13" s="75" t="s">
        <v>25</v>
      </c>
      <c r="Q13" s="73" t="s">
        <v>24</v>
      </c>
      <c r="R13" s="74" t="s">
        <v>59</v>
      </c>
      <c r="S13" s="75" t="s">
        <v>25</v>
      </c>
    </row>
    <row r="14" spans="1:20" s="85" customFormat="1" ht="12" customHeight="1" x14ac:dyDescent="0.25">
      <c r="A14" s="108" t="s">
        <v>0</v>
      </c>
      <c r="B14" s="76" t="s">
        <v>11</v>
      </c>
      <c r="C14" s="77" t="s">
        <v>12</v>
      </c>
      <c r="D14" s="76" t="s">
        <v>13</v>
      </c>
      <c r="E14" s="78" t="s">
        <v>14</v>
      </c>
      <c r="F14" s="78" t="s">
        <v>15</v>
      </c>
      <c r="G14" s="79" t="s">
        <v>16</v>
      </c>
      <c r="H14" s="78" t="s">
        <v>17</v>
      </c>
      <c r="I14" s="80" t="s">
        <v>18</v>
      </c>
      <c r="J14" s="81" t="s">
        <v>27</v>
      </c>
      <c r="K14" s="82" t="s">
        <v>28</v>
      </c>
      <c r="L14" s="83" t="s">
        <v>29</v>
      </c>
      <c r="M14" s="84" t="s">
        <v>30</v>
      </c>
      <c r="N14" s="143" t="s">
        <v>60</v>
      </c>
      <c r="O14" s="144" t="s">
        <v>61</v>
      </c>
      <c r="P14" s="145" t="s">
        <v>62</v>
      </c>
      <c r="Q14" s="146" t="s">
        <v>63</v>
      </c>
      <c r="R14" s="144" t="s">
        <v>64</v>
      </c>
      <c r="S14" s="145" t="s">
        <v>38</v>
      </c>
    </row>
    <row r="15" spans="1:20" s="71" customFormat="1" ht="24.95" customHeight="1" x14ac:dyDescent="0.25">
      <c r="A15" s="86" t="s">
        <v>0</v>
      </c>
      <c r="B15" s="87"/>
      <c r="C15" s="87"/>
      <c r="D15" s="87"/>
      <c r="E15" s="88"/>
      <c r="F15" s="88"/>
      <c r="G15" s="89"/>
      <c r="H15" s="89"/>
      <c r="I15" s="89"/>
      <c r="J15" s="89"/>
      <c r="K15" s="89"/>
      <c r="L15" s="90"/>
      <c r="M15" s="91"/>
      <c r="N15" s="187"/>
      <c r="O15" s="92"/>
      <c r="P15" s="189"/>
      <c r="Q15" s="187"/>
      <c r="R15" s="92"/>
      <c r="S15" s="189"/>
    </row>
    <row r="16" spans="1:20" s="71" customFormat="1" ht="24.95" customHeight="1" x14ac:dyDescent="0.25">
      <c r="A16" s="93" t="s">
        <v>11</v>
      </c>
      <c r="B16" s="94"/>
      <c r="C16" s="94"/>
      <c r="D16" s="94"/>
      <c r="E16" s="95"/>
      <c r="F16" s="95"/>
      <c r="G16" s="96"/>
      <c r="H16" s="96"/>
      <c r="I16" s="96"/>
      <c r="J16" s="96"/>
      <c r="K16" s="96"/>
      <c r="L16" s="97"/>
      <c r="M16" s="98"/>
      <c r="N16" s="187"/>
      <c r="O16" s="92"/>
      <c r="P16" s="189"/>
      <c r="Q16" s="187"/>
      <c r="R16" s="92"/>
      <c r="S16" s="189"/>
    </row>
    <row r="17" spans="1:19" s="71" customFormat="1" ht="24.95" customHeight="1" x14ac:dyDescent="0.25">
      <c r="A17" s="93" t="s">
        <v>12</v>
      </c>
      <c r="B17" s="94"/>
      <c r="C17" s="94"/>
      <c r="D17" s="94"/>
      <c r="E17" s="95"/>
      <c r="F17" s="95"/>
      <c r="G17" s="96"/>
      <c r="H17" s="96"/>
      <c r="I17" s="96"/>
      <c r="J17" s="96"/>
      <c r="K17" s="96"/>
      <c r="L17" s="97"/>
      <c r="M17" s="98"/>
      <c r="N17" s="187"/>
      <c r="O17" s="92"/>
      <c r="P17" s="189"/>
      <c r="Q17" s="187"/>
      <c r="R17" s="92"/>
      <c r="S17" s="189"/>
    </row>
    <row r="18" spans="1:19" s="71" customFormat="1" ht="24.95" customHeight="1" x14ac:dyDescent="0.25">
      <c r="A18" s="93" t="s">
        <v>13</v>
      </c>
      <c r="B18" s="94"/>
      <c r="C18" s="94"/>
      <c r="D18" s="94"/>
      <c r="E18" s="95"/>
      <c r="F18" s="95"/>
      <c r="G18" s="96"/>
      <c r="H18" s="96"/>
      <c r="I18" s="96"/>
      <c r="J18" s="96"/>
      <c r="K18" s="96"/>
      <c r="L18" s="97"/>
      <c r="M18" s="98"/>
      <c r="N18" s="187"/>
      <c r="O18" s="92"/>
      <c r="P18" s="189"/>
      <c r="Q18" s="187"/>
      <c r="R18" s="92"/>
      <c r="S18" s="189"/>
    </row>
    <row r="19" spans="1:19" s="71" customFormat="1" ht="24.95" customHeight="1" x14ac:dyDescent="0.25">
      <c r="A19" s="103" t="s">
        <v>14</v>
      </c>
      <c r="B19" s="104"/>
      <c r="C19" s="104"/>
      <c r="D19" s="104"/>
      <c r="E19" s="105"/>
      <c r="F19" s="105"/>
      <c r="G19" s="99"/>
      <c r="H19" s="99"/>
      <c r="I19" s="99"/>
      <c r="J19" s="99"/>
      <c r="K19" s="99"/>
      <c r="L19" s="100"/>
      <c r="M19" s="101"/>
      <c r="N19" s="188"/>
      <c r="O19" s="102"/>
      <c r="P19" s="190"/>
      <c r="Q19" s="188"/>
      <c r="R19" s="102"/>
      <c r="S19" s="190"/>
    </row>
    <row r="20" spans="1:19" s="31" customFormat="1" ht="24.95" customHeight="1" x14ac:dyDescent="0.25">
      <c r="A20" s="222"/>
      <c r="B20" s="22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210"/>
      <c r="D22" s="21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207"/>
      <c r="D23" s="20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207"/>
      <c r="D24" s="20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210"/>
      <c r="D26" s="21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207"/>
      <c r="D27" s="207"/>
      <c r="E27" s="19"/>
      <c r="F27" s="16"/>
      <c r="G27" s="24" t="s">
        <v>19</v>
      </c>
      <c r="H27" s="211"/>
      <c r="I27" s="21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207"/>
      <c r="D28" s="20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212"/>
      <c r="I29" s="21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213"/>
      <c r="I30" s="213"/>
    </row>
    <row r="31" spans="1:19" s="12" customFormat="1" ht="20.100000000000001" customHeight="1" x14ac:dyDescent="0.2">
      <c r="A31" s="9" t="s">
        <v>2</v>
      </c>
      <c r="B31" s="207"/>
      <c r="C31" s="20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208"/>
      <c r="C32" s="208"/>
      <c r="D32" s="10"/>
      <c r="E32" s="10"/>
      <c r="F32" s="13"/>
      <c r="G32" s="13"/>
      <c r="H32" s="13"/>
      <c r="I32" s="13"/>
      <c r="M32" s="9"/>
    </row>
    <row r="33" spans="1:43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3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3" s="1" customFormat="1" x14ac:dyDescent="0.2">
      <c r="A35" s="209" t="s">
        <v>9</v>
      </c>
      <c r="B35" s="209"/>
      <c r="D35" s="2"/>
      <c r="E35" s="2"/>
      <c r="F35" s="3"/>
      <c r="G35" s="3"/>
      <c r="H35" s="3"/>
      <c r="I35" s="3"/>
      <c r="J35" s="3"/>
      <c r="K35" s="14"/>
    </row>
    <row r="36" spans="1:43" x14ac:dyDescent="0.2">
      <c r="A36" s="60"/>
      <c r="B36" s="49" t="s">
        <v>10</v>
      </c>
    </row>
    <row r="37" spans="1:43" s="31" customFormat="1" ht="22.5" customHeight="1" x14ac:dyDescent="0.25">
      <c r="A37" s="47"/>
      <c r="B37" s="47"/>
    </row>
    <row r="38" spans="1:43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</row>
    <row r="39" spans="1:43" s="32" customFormat="1" ht="28.5" customHeight="1" x14ac:dyDescent="0.25">
      <c r="A39" s="48"/>
      <c r="B39" s="48"/>
    </row>
    <row r="40" spans="1:43" s="32" customFormat="1" ht="28.5" customHeight="1" x14ac:dyDescent="0.25">
      <c r="A40" s="48"/>
      <c r="B40" s="48"/>
      <c r="C40" s="63"/>
      <c r="D40" s="63"/>
    </row>
    <row r="41" spans="1:43" s="32" customFormat="1" ht="28.5" customHeight="1" x14ac:dyDescent="0.25">
      <c r="A41" s="48"/>
      <c r="B41" s="48"/>
      <c r="C41" s="63"/>
      <c r="D41" s="63"/>
    </row>
    <row r="42" spans="1:43" s="32" customFormat="1" ht="16.5" customHeight="1" x14ac:dyDescent="0.25">
      <c r="A42" s="48"/>
      <c r="B42" s="48"/>
      <c r="C42" s="63"/>
      <c r="D42" s="63"/>
    </row>
    <row r="43" spans="1:43" s="37" customFormat="1" ht="18" customHeight="1" x14ac:dyDescent="0.25"/>
    <row r="44" spans="1:43" s="31" customFormat="1" ht="33" customHeight="1" x14ac:dyDescent="0.25">
      <c r="A44" s="221"/>
      <c r="B44" s="221"/>
    </row>
    <row r="45" spans="1:43" s="31" customFormat="1" ht="22.5" customHeight="1" x14ac:dyDescent="0.25">
      <c r="A45" s="47"/>
      <c r="B45" s="47"/>
    </row>
    <row r="46" spans="1:43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</row>
    <row r="47" spans="1:43" s="32" customFormat="1" ht="28.5" customHeight="1" x14ac:dyDescent="0.25">
      <c r="A47" s="48"/>
      <c r="B47" s="48"/>
    </row>
    <row r="48" spans="1:43" s="32" customFormat="1" ht="28.5" customHeight="1" x14ac:dyDescent="0.25">
      <c r="A48" s="48"/>
      <c r="B48" s="48"/>
      <c r="C48" s="63"/>
      <c r="D48" s="63"/>
    </row>
    <row r="49" spans="1:43" s="32" customFormat="1" ht="28.5" customHeight="1" x14ac:dyDescent="0.25">
      <c r="A49" s="48"/>
      <c r="B49" s="48"/>
      <c r="C49" s="63"/>
      <c r="D49" s="63"/>
    </row>
    <row r="50" spans="1:43" s="32" customFormat="1" ht="16.5" customHeight="1" x14ac:dyDescent="0.25">
      <c r="A50" s="48"/>
      <c r="B50" s="48"/>
      <c r="C50" s="63"/>
      <c r="D50" s="63"/>
    </row>
    <row r="51" spans="1:43" s="37" customFormat="1" ht="18" customHeight="1" x14ac:dyDescent="0.25"/>
    <row r="52" spans="1:43" s="31" customFormat="1" ht="33" customHeight="1" x14ac:dyDescent="0.25">
      <c r="A52" s="221"/>
      <c r="B52" s="221"/>
    </row>
    <row r="53" spans="1:43" s="31" customFormat="1" ht="22.5" customHeight="1" x14ac:dyDescent="0.25">
      <c r="A53" s="47"/>
      <c r="B53" s="47"/>
    </row>
    <row r="54" spans="1:43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</row>
    <row r="55" spans="1:43" s="32" customFormat="1" ht="28.5" customHeight="1" x14ac:dyDescent="0.25">
      <c r="A55" s="48"/>
      <c r="B55" s="48"/>
    </row>
    <row r="56" spans="1:43" s="32" customFormat="1" ht="28.5" customHeight="1" x14ac:dyDescent="0.25">
      <c r="A56" s="48"/>
      <c r="B56" s="48"/>
      <c r="C56" s="63"/>
      <c r="D56" s="63"/>
    </row>
    <row r="57" spans="1:43" s="32" customFormat="1" ht="28.5" customHeight="1" x14ac:dyDescent="0.25">
      <c r="A57" s="48"/>
      <c r="B57" s="48"/>
      <c r="C57" s="63"/>
      <c r="D57" s="63"/>
    </row>
    <row r="58" spans="1:43" s="32" customFormat="1" ht="16.5" customHeight="1" x14ac:dyDescent="0.25">
      <c r="A58" s="48"/>
      <c r="B58" s="48"/>
      <c r="C58" s="63"/>
      <c r="D58" s="63"/>
    </row>
    <row r="59" spans="1:43" s="37" customFormat="1" ht="18" customHeight="1" x14ac:dyDescent="0.25"/>
    <row r="60" spans="1:43" s="31" customFormat="1" ht="33" customHeight="1" x14ac:dyDescent="0.25">
      <c r="A60" s="221"/>
      <c r="B60" s="221"/>
    </row>
    <row r="61" spans="1:43" s="31" customFormat="1" ht="22.5" customHeight="1" x14ac:dyDescent="0.25">
      <c r="A61" s="47"/>
      <c r="B61" s="47"/>
    </row>
    <row r="62" spans="1:43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</row>
    <row r="63" spans="1:43" s="32" customFormat="1" ht="28.5" customHeight="1" x14ac:dyDescent="0.25">
      <c r="A63" s="48"/>
      <c r="B63" s="48"/>
    </row>
    <row r="64" spans="1:43" s="32" customFormat="1" ht="28.5" customHeight="1" x14ac:dyDescent="0.25">
      <c r="A64" s="48"/>
      <c r="B64" s="48"/>
      <c r="C64" s="63"/>
      <c r="D64" s="63"/>
    </row>
    <row r="65" spans="1:43" s="32" customFormat="1" ht="28.5" customHeight="1" x14ac:dyDescent="0.25">
      <c r="A65" s="48"/>
      <c r="B65" s="48"/>
      <c r="C65" s="63"/>
      <c r="D65" s="63"/>
    </row>
    <row r="66" spans="1:43" s="32" customFormat="1" ht="16.5" customHeight="1" x14ac:dyDescent="0.25">
      <c r="A66" s="48"/>
      <c r="B66" s="48"/>
      <c r="C66" s="63"/>
      <c r="D66" s="63"/>
    </row>
    <row r="67" spans="1:43" s="37" customFormat="1" ht="18" customHeight="1" x14ac:dyDescent="0.25"/>
    <row r="68" spans="1:43" s="31" customFormat="1" ht="33" customHeight="1" x14ac:dyDescent="0.25">
      <c r="A68" s="221"/>
      <c r="B68" s="221"/>
    </row>
    <row r="69" spans="1:43" s="31" customFormat="1" ht="22.5" customHeight="1" x14ac:dyDescent="0.25">
      <c r="A69" s="47"/>
      <c r="B69" s="47"/>
    </row>
    <row r="70" spans="1:43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</row>
    <row r="71" spans="1:43" s="32" customFormat="1" ht="28.5" customHeight="1" x14ac:dyDescent="0.25">
      <c r="A71" s="48"/>
      <c r="B71" s="48"/>
    </row>
    <row r="72" spans="1:43" s="32" customFormat="1" ht="28.5" customHeight="1" x14ac:dyDescent="0.25">
      <c r="A72" s="48"/>
      <c r="B72" s="48"/>
      <c r="C72" s="63"/>
      <c r="D72" s="63"/>
    </row>
    <row r="73" spans="1:43" s="32" customFormat="1" ht="28.5" customHeight="1" x14ac:dyDescent="0.25">
      <c r="A73" s="48"/>
      <c r="B73" s="48"/>
      <c r="C73" s="63"/>
      <c r="D73" s="63"/>
    </row>
    <row r="74" spans="1:43" s="32" customFormat="1" ht="16.5" customHeight="1" x14ac:dyDescent="0.25">
      <c r="A74" s="48"/>
      <c r="B74" s="48"/>
      <c r="C74" s="63"/>
      <c r="D74" s="63"/>
    </row>
    <row r="75" spans="1:43" s="37" customFormat="1" ht="18" customHeight="1" x14ac:dyDescent="0.25"/>
    <row r="76" spans="1:43" s="31" customFormat="1" ht="33" customHeight="1" x14ac:dyDescent="0.25">
      <c r="A76" s="221"/>
      <c r="B76" s="221"/>
    </row>
    <row r="77" spans="1:43" s="31" customFormat="1" ht="22.5" customHeight="1" x14ac:dyDescent="0.25">
      <c r="A77" s="47"/>
      <c r="B77" s="47"/>
    </row>
    <row r="78" spans="1:43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</row>
    <row r="79" spans="1:43" s="32" customFormat="1" ht="28.5" customHeight="1" x14ac:dyDescent="0.25">
      <c r="A79" s="48"/>
      <c r="B79" s="48"/>
    </row>
    <row r="80" spans="1:43" s="32" customFormat="1" ht="28.5" customHeight="1" x14ac:dyDescent="0.25">
      <c r="A80" s="48"/>
      <c r="B80" s="48"/>
      <c r="C80" s="63"/>
      <c r="D80" s="63"/>
    </row>
    <row r="81" spans="1:43" s="32" customFormat="1" ht="28.5" customHeight="1" x14ac:dyDescent="0.25">
      <c r="A81" s="48"/>
      <c r="B81" s="48"/>
      <c r="C81" s="63"/>
      <c r="D81" s="63"/>
    </row>
    <row r="82" spans="1:43" s="32" customFormat="1" ht="16.5" customHeight="1" x14ac:dyDescent="0.25">
      <c r="A82" s="48"/>
      <c r="B82" s="48"/>
      <c r="C82" s="63"/>
      <c r="D82" s="63"/>
    </row>
    <row r="83" spans="1:43" s="37" customFormat="1" ht="18" customHeight="1" x14ac:dyDescent="0.25"/>
    <row r="84" spans="1:43" s="31" customFormat="1" ht="33" customHeight="1" x14ac:dyDescent="0.25">
      <c r="A84" s="221"/>
      <c r="B84" s="221"/>
    </row>
    <row r="85" spans="1:43" s="31" customFormat="1" ht="22.5" customHeight="1" x14ac:dyDescent="0.25">
      <c r="A85" s="47"/>
      <c r="B85" s="47"/>
    </row>
    <row r="86" spans="1:43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</row>
    <row r="87" spans="1:43" s="32" customFormat="1" ht="28.5" customHeight="1" x14ac:dyDescent="0.25">
      <c r="A87" s="48"/>
      <c r="B87" s="48"/>
    </row>
    <row r="88" spans="1:43" s="32" customFormat="1" ht="28.5" customHeight="1" x14ac:dyDescent="0.25">
      <c r="A88" s="48"/>
      <c r="B88" s="48"/>
      <c r="C88" s="63"/>
      <c r="D88" s="63"/>
    </row>
    <row r="89" spans="1:43" s="32" customFormat="1" ht="28.5" customHeight="1" x14ac:dyDescent="0.25">
      <c r="A89" s="48"/>
      <c r="B89" s="48"/>
      <c r="C89" s="63"/>
      <c r="D89" s="63"/>
    </row>
    <row r="90" spans="1:43" s="32" customFormat="1" ht="16.5" customHeight="1" x14ac:dyDescent="0.25">
      <c r="A90" s="48"/>
      <c r="B90" s="48"/>
      <c r="C90" s="63"/>
      <c r="D90" s="63"/>
    </row>
    <row r="91" spans="1:43" s="37" customFormat="1" ht="18" customHeight="1" x14ac:dyDescent="0.25"/>
    <row r="92" spans="1:43" s="31" customFormat="1" ht="33" customHeight="1" x14ac:dyDescent="0.25">
      <c r="A92" s="221"/>
      <c r="B92" s="221"/>
    </row>
    <row r="93" spans="1:43" s="31" customFormat="1" ht="22.5" customHeight="1" x14ac:dyDescent="0.25">
      <c r="A93" s="47"/>
      <c r="B93" s="47"/>
    </row>
    <row r="94" spans="1:43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</row>
    <row r="95" spans="1:43" s="32" customFormat="1" ht="28.5" customHeight="1" x14ac:dyDescent="0.25">
      <c r="A95" s="48"/>
      <c r="B95" s="48"/>
    </row>
    <row r="96" spans="1:43" s="32" customFormat="1" ht="28.5" customHeight="1" x14ac:dyDescent="0.25">
      <c r="A96" s="48"/>
      <c r="B96" s="48"/>
      <c r="C96" s="63"/>
      <c r="D96" s="63"/>
    </row>
    <row r="97" spans="1:43" s="32" customFormat="1" ht="28.5" customHeight="1" x14ac:dyDescent="0.25">
      <c r="A97" s="48"/>
      <c r="B97" s="48"/>
      <c r="C97" s="63"/>
      <c r="D97" s="63"/>
    </row>
    <row r="98" spans="1:43" s="32" customFormat="1" ht="16.5" customHeight="1" x14ac:dyDescent="0.25">
      <c r="A98" s="48"/>
      <c r="B98" s="48"/>
      <c r="C98" s="63"/>
      <c r="D98" s="63"/>
    </row>
    <row r="99" spans="1:43" s="37" customFormat="1" ht="18" customHeight="1" x14ac:dyDescent="0.25"/>
    <row r="100" spans="1:43" s="31" customFormat="1" ht="33" customHeight="1" x14ac:dyDescent="0.25">
      <c r="A100" s="221"/>
      <c r="B100" s="221"/>
    </row>
    <row r="101" spans="1:43" s="31" customFormat="1" ht="22.5" customHeight="1" x14ac:dyDescent="0.25">
      <c r="A101" s="47"/>
      <c r="B101" s="47"/>
    </row>
    <row r="102" spans="1:43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</row>
    <row r="103" spans="1:43" s="32" customFormat="1" ht="28.5" customHeight="1" x14ac:dyDescent="0.25">
      <c r="A103" s="48"/>
      <c r="B103" s="48"/>
    </row>
    <row r="104" spans="1:43" s="32" customFormat="1" ht="28.5" customHeight="1" x14ac:dyDescent="0.25">
      <c r="A104" s="48"/>
      <c r="B104" s="48"/>
      <c r="C104" s="63"/>
      <c r="D104" s="63"/>
    </row>
    <row r="105" spans="1:43" s="32" customFormat="1" ht="28.5" customHeight="1" x14ac:dyDescent="0.25">
      <c r="A105" s="48"/>
      <c r="B105" s="48"/>
      <c r="C105" s="63"/>
      <c r="D105" s="63"/>
    </row>
    <row r="106" spans="1:43" s="32" customFormat="1" ht="16.5" customHeight="1" x14ac:dyDescent="0.25">
      <c r="A106" s="48"/>
      <c r="B106" s="48"/>
      <c r="C106" s="63"/>
      <c r="D106" s="63"/>
    </row>
    <row r="107" spans="1:43" s="37" customFormat="1" ht="40.5" customHeight="1" x14ac:dyDescent="0.25"/>
    <row r="108" spans="1:43" s="31" customFormat="1" ht="33" customHeight="1" x14ac:dyDescent="0.25">
      <c r="A108" s="221"/>
      <c r="B108" s="221"/>
    </row>
    <row r="109" spans="1:43" s="31" customFormat="1" ht="22.5" customHeight="1" x14ac:dyDescent="0.25">
      <c r="A109" s="47"/>
      <c r="B109" s="47"/>
    </row>
    <row r="110" spans="1:43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</row>
    <row r="111" spans="1:43" s="32" customFormat="1" ht="28.5" customHeight="1" x14ac:dyDescent="0.25">
      <c r="A111" s="48"/>
      <c r="B111" s="48"/>
    </row>
    <row r="112" spans="1:43" s="32" customFormat="1" ht="28.5" customHeight="1" x14ac:dyDescent="0.25">
      <c r="A112" s="48"/>
      <c r="B112" s="48"/>
      <c r="C112" s="63"/>
      <c r="D112" s="63"/>
    </row>
    <row r="113" spans="1:43" s="32" customFormat="1" ht="28.5" customHeight="1" x14ac:dyDescent="0.25">
      <c r="A113" s="48"/>
      <c r="B113" s="48"/>
      <c r="C113" s="63"/>
      <c r="D113" s="63"/>
    </row>
    <row r="114" spans="1:43" s="32" customFormat="1" ht="16.5" customHeight="1" x14ac:dyDescent="0.25">
      <c r="A114" s="48"/>
      <c r="B114" s="48"/>
      <c r="C114" s="63"/>
      <c r="D114" s="63"/>
    </row>
    <row r="115" spans="1:43" s="37" customFormat="1" ht="18" customHeight="1" x14ac:dyDescent="0.25"/>
    <row r="116" spans="1:43" s="31" customFormat="1" ht="33" customHeight="1" x14ac:dyDescent="0.25">
      <c r="A116" s="221"/>
      <c r="B116" s="221"/>
    </row>
    <row r="117" spans="1:43" s="31" customFormat="1" ht="22.5" customHeight="1" x14ac:dyDescent="0.25">
      <c r="A117" s="47"/>
      <c r="B117" s="47"/>
    </row>
    <row r="118" spans="1:43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</row>
    <row r="119" spans="1:43" s="32" customFormat="1" ht="28.5" customHeight="1" x14ac:dyDescent="0.25">
      <c r="A119" s="48"/>
      <c r="B119" s="48"/>
    </row>
    <row r="120" spans="1:43" s="32" customFormat="1" ht="28.5" customHeight="1" x14ac:dyDescent="0.25">
      <c r="A120" s="48"/>
      <c r="B120" s="48"/>
      <c r="C120" s="63"/>
      <c r="D120" s="63"/>
    </row>
    <row r="121" spans="1:43" s="32" customFormat="1" ht="28.5" customHeight="1" x14ac:dyDescent="0.25">
      <c r="A121" s="48"/>
      <c r="B121" s="48"/>
      <c r="C121" s="63"/>
      <c r="D121" s="63"/>
    </row>
    <row r="122" spans="1:43" s="32" customFormat="1" ht="16.5" customHeight="1" x14ac:dyDescent="0.25">
      <c r="A122" s="48"/>
      <c r="B122" s="48"/>
      <c r="C122" s="63"/>
      <c r="D122" s="63"/>
    </row>
    <row r="123" spans="1:43" s="37" customFormat="1" ht="18" customHeight="1" x14ac:dyDescent="0.25"/>
    <row r="124" spans="1:43" s="31" customFormat="1" ht="33" customHeight="1" x14ac:dyDescent="0.25">
      <c r="A124" s="221"/>
      <c r="B124" s="221"/>
    </row>
    <row r="125" spans="1:43" s="31" customFormat="1" ht="22.5" customHeight="1" x14ac:dyDescent="0.25">
      <c r="A125" s="47"/>
      <c r="B125" s="47"/>
    </row>
    <row r="126" spans="1:43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</row>
    <row r="127" spans="1:43" s="32" customFormat="1" ht="28.5" customHeight="1" x14ac:dyDescent="0.25">
      <c r="A127" s="48"/>
      <c r="B127" s="48"/>
    </row>
    <row r="128" spans="1:43" s="32" customFormat="1" ht="28.5" customHeight="1" x14ac:dyDescent="0.25">
      <c r="A128" s="48"/>
      <c r="B128" s="48"/>
      <c r="C128" s="63"/>
      <c r="D128" s="63"/>
    </row>
    <row r="129" spans="1:43" s="32" customFormat="1" ht="28.5" customHeight="1" x14ac:dyDescent="0.25">
      <c r="A129" s="48"/>
      <c r="B129" s="48"/>
      <c r="C129" s="63"/>
      <c r="D129" s="63"/>
    </row>
    <row r="130" spans="1:43" s="32" customFormat="1" ht="16.5" customHeight="1" x14ac:dyDescent="0.25">
      <c r="A130" s="48"/>
      <c r="B130" s="48"/>
      <c r="C130" s="63"/>
      <c r="D130" s="63"/>
    </row>
    <row r="131" spans="1:43" s="37" customFormat="1" ht="18" customHeight="1" x14ac:dyDescent="0.25"/>
    <row r="132" spans="1:43" s="31" customFormat="1" ht="33" customHeight="1" x14ac:dyDescent="0.25">
      <c r="A132" s="221"/>
      <c r="B132" s="221"/>
    </row>
    <row r="133" spans="1:43" s="31" customFormat="1" ht="22.5" customHeight="1" x14ac:dyDescent="0.25">
      <c r="A133" s="47"/>
      <c r="B133" s="47"/>
    </row>
    <row r="134" spans="1:43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</row>
    <row r="135" spans="1:43" s="32" customFormat="1" ht="28.5" customHeight="1" x14ac:dyDescent="0.25">
      <c r="A135" s="48"/>
      <c r="B135" s="48"/>
    </row>
    <row r="136" spans="1:43" s="32" customFormat="1" ht="28.5" customHeight="1" x14ac:dyDescent="0.25">
      <c r="A136" s="48"/>
      <c r="B136" s="48"/>
      <c r="C136" s="63"/>
      <c r="D136" s="63"/>
    </row>
    <row r="137" spans="1:43" s="32" customFormat="1" ht="28.5" customHeight="1" x14ac:dyDescent="0.25">
      <c r="A137" s="48"/>
      <c r="B137" s="48"/>
      <c r="C137" s="63"/>
      <c r="D137" s="63"/>
    </row>
    <row r="138" spans="1:43" s="32" customFormat="1" ht="16.5" customHeight="1" x14ac:dyDescent="0.25">
      <c r="A138" s="48"/>
      <c r="B138" s="48"/>
      <c r="C138" s="63"/>
      <c r="D138" s="63"/>
    </row>
    <row r="139" spans="1:43" s="37" customFormat="1" ht="18" customHeight="1" x14ac:dyDescent="0.25"/>
    <row r="140" spans="1:43" s="31" customFormat="1" ht="33" customHeight="1" x14ac:dyDescent="0.25">
      <c r="A140" s="221"/>
      <c r="B140" s="221"/>
    </row>
    <row r="141" spans="1:43" s="31" customFormat="1" ht="22.5" customHeight="1" x14ac:dyDescent="0.25">
      <c r="A141" s="47"/>
      <c r="B141" s="47"/>
    </row>
    <row r="142" spans="1:43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</row>
    <row r="143" spans="1:43" s="32" customFormat="1" ht="28.5" customHeight="1" x14ac:dyDescent="0.25">
      <c r="A143" s="48"/>
      <c r="B143" s="48"/>
    </row>
    <row r="144" spans="1:43" s="32" customFormat="1" ht="28.5" customHeight="1" x14ac:dyDescent="0.25">
      <c r="A144" s="48"/>
      <c r="B144" s="48"/>
      <c r="C144" s="63"/>
      <c r="D144" s="63"/>
    </row>
    <row r="145" spans="1:43" s="32" customFormat="1" ht="28.5" customHeight="1" x14ac:dyDescent="0.25">
      <c r="A145" s="48"/>
      <c r="B145" s="48"/>
      <c r="C145" s="63"/>
      <c r="D145" s="63"/>
    </row>
    <row r="146" spans="1:43" s="32" customFormat="1" ht="16.5" customHeight="1" x14ac:dyDescent="0.25">
      <c r="A146" s="48"/>
      <c r="B146" s="48"/>
      <c r="C146" s="63"/>
      <c r="D146" s="63"/>
    </row>
    <row r="147" spans="1:43" s="37" customFormat="1" ht="18" customHeight="1" x14ac:dyDescent="0.25"/>
    <row r="148" spans="1:43" s="31" customFormat="1" ht="33" customHeight="1" x14ac:dyDescent="0.25">
      <c r="A148" s="221"/>
      <c r="B148" s="221"/>
    </row>
    <row r="149" spans="1:43" s="31" customFormat="1" ht="22.5" customHeight="1" x14ac:dyDescent="0.25">
      <c r="A149" s="47"/>
      <c r="B149" s="47"/>
    </row>
    <row r="150" spans="1:43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</row>
    <row r="151" spans="1:43" s="32" customFormat="1" ht="28.5" customHeight="1" x14ac:dyDescent="0.25">
      <c r="A151" s="48"/>
      <c r="B151" s="48"/>
    </row>
    <row r="152" spans="1:43" s="32" customFormat="1" ht="28.5" customHeight="1" x14ac:dyDescent="0.25">
      <c r="A152" s="48"/>
      <c r="B152" s="48"/>
      <c r="C152" s="63"/>
      <c r="D152" s="63"/>
    </row>
    <row r="153" spans="1:43" s="32" customFormat="1" ht="28.5" customHeight="1" x14ac:dyDescent="0.25">
      <c r="A153" s="48"/>
      <c r="B153" s="48"/>
      <c r="C153" s="63"/>
      <c r="D153" s="63"/>
    </row>
    <row r="154" spans="1:43" s="32" customFormat="1" ht="16.5" customHeight="1" x14ac:dyDescent="0.25">
      <c r="A154" s="48"/>
      <c r="B154" s="48"/>
      <c r="C154" s="63"/>
      <c r="D154" s="63"/>
    </row>
    <row r="155" spans="1:43" s="37" customFormat="1" ht="18" customHeight="1" x14ac:dyDescent="0.25"/>
    <row r="156" spans="1:43" s="31" customFormat="1" ht="33" customHeight="1" x14ac:dyDescent="0.25">
      <c r="A156" s="221"/>
      <c r="B156" s="221"/>
    </row>
    <row r="157" spans="1:43" s="31" customFormat="1" ht="22.5" customHeight="1" x14ac:dyDescent="0.25">
      <c r="A157" s="47"/>
      <c r="B157" s="47"/>
    </row>
    <row r="158" spans="1:43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</row>
    <row r="159" spans="1:43" s="32" customFormat="1" ht="28.5" customHeight="1" x14ac:dyDescent="0.25">
      <c r="A159" s="48"/>
      <c r="B159" s="48"/>
    </row>
    <row r="160" spans="1:43" s="32" customFormat="1" ht="28.5" customHeight="1" x14ac:dyDescent="0.25">
      <c r="A160" s="48"/>
      <c r="B160" s="48"/>
      <c r="C160" s="63"/>
      <c r="D160" s="63"/>
    </row>
    <row r="161" spans="1:43" s="32" customFormat="1" ht="28.5" customHeight="1" x14ac:dyDescent="0.25">
      <c r="A161" s="48"/>
      <c r="B161" s="48"/>
      <c r="C161" s="63"/>
      <c r="D161" s="63"/>
    </row>
    <row r="162" spans="1:43" s="32" customFormat="1" ht="16.5" customHeight="1" x14ac:dyDescent="0.25">
      <c r="A162" s="48"/>
      <c r="B162" s="48"/>
      <c r="C162" s="63"/>
      <c r="D162" s="63"/>
    </row>
    <row r="163" spans="1:43" s="37" customFormat="1" ht="18" customHeight="1" x14ac:dyDescent="0.25"/>
    <row r="164" spans="1:43" s="31" customFormat="1" ht="33" customHeight="1" x14ac:dyDescent="0.25">
      <c r="A164" s="221"/>
      <c r="B164" s="221"/>
    </row>
    <row r="165" spans="1:43" s="31" customFormat="1" ht="22.5" customHeight="1" x14ac:dyDescent="0.25">
      <c r="A165" s="47"/>
      <c r="B165" s="47"/>
    </row>
    <row r="166" spans="1:43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</row>
    <row r="167" spans="1:43" s="32" customFormat="1" ht="28.5" customHeight="1" x14ac:dyDescent="0.25">
      <c r="A167" s="48"/>
      <c r="B167" s="48"/>
    </row>
    <row r="168" spans="1:43" s="32" customFormat="1" ht="28.5" customHeight="1" x14ac:dyDescent="0.25">
      <c r="A168" s="48"/>
      <c r="B168" s="48"/>
      <c r="C168" s="63"/>
      <c r="D168" s="63"/>
    </row>
    <row r="169" spans="1:43" s="32" customFormat="1" ht="28.5" customHeight="1" x14ac:dyDescent="0.25">
      <c r="A169" s="48"/>
      <c r="B169" s="48"/>
      <c r="C169" s="63"/>
      <c r="D169" s="63"/>
    </row>
    <row r="170" spans="1:43" s="32" customFormat="1" ht="16.5" customHeight="1" x14ac:dyDescent="0.25">
      <c r="A170" s="48"/>
      <c r="B170" s="48"/>
      <c r="C170" s="63"/>
      <c r="D170" s="63"/>
    </row>
    <row r="171" spans="1:43" s="37" customFormat="1" ht="18" customHeight="1" x14ac:dyDescent="0.25"/>
    <row r="172" spans="1:43" s="31" customFormat="1" ht="33" customHeight="1" x14ac:dyDescent="0.25">
      <c r="A172" s="221"/>
      <c r="B172" s="221"/>
    </row>
    <row r="173" spans="1:43" s="31" customFormat="1" ht="22.5" customHeight="1" x14ac:dyDescent="0.25">
      <c r="A173" s="47"/>
      <c r="B173" s="47"/>
    </row>
    <row r="174" spans="1:43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</row>
    <row r="175" spans="1:43" s="32" customFormat="1" ht="28.5" customHeight="1" x14ac:dyDescent="0.25">
      <c r="A175" s="48"/>
      <c r="B175" s="48"/>
    </row>
    <row r="176" spans="1:43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233" t="s">
        <v>37</v>
      </c>
      <c r="B178" s="233"/>
      <c r="C178" s="233"/>
      <c r="D178" s="233"/>
      <c r="E178" s="233"/>
      <c r="F178" s="233"/>
      <c r="G178" s="233"/>
      <c r="H178" s="233"/>
      <c r="I178" s="233"/>
      <c r="J178" s="233"/>
      <c r="K178" s="23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210"/>
      <c r="D180" s="21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207"/>
      <c r="D181" s="20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207"/>
      <c r="D182" s="20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210"/>
      <c r="D184" s="21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207"/>
      <c r="D185" s="207"/>
      <c r="E185" s="19"/>
      <c r="F185" s="16"/>
      <c r="G185" s="24" t="s">
        <v>19</v>
      </c>
      <c r="H185" s="211"/>
      <c r="I185" s="21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207"/>
      <c r="D186" s="20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212"/>
      <c r="I187" s="21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213"/>
      <c r="I188" s="213"/>
    </row>
    <row r="189" spans="1:13" s="12" customFormat="1" ht="20.100000000000001" customHeight="1" x14ac:dyDescent="0.2">
      <c r="A189" s="9" t="s">
        <v>2</v>
      </c>
      <c r="B189" s="207"/>
      <c r="C189" s="20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208"/>
      <c r="C190" s="20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209" t="s">
        <v>9</v>
      </c>
      <c r="B193" s="20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A10:M10"/>
    <mergeCell ref="A11:L11"/>
    <mergeCell ref="A12:A13"/>
    <mergeCell ref="B12:B13"/>
    <mergeCell ref="C12:C13"/>
    <mergeCell ref="D12:D13"/>
    <mergeCell ref="E12:E13"/>
    <mergeCell ref="F12:F13"/>
    <mergeCell ref="G12:G13"/>
    <mergeCell ref="N12:P12"/>
    <mergeCell ref="C24:D24"/>
    <mergeCell ref="H12:H13"/>
    <mergeCell ref="I12:I13"/>
    <mergeCell ref="J12:J13"/>
    <mergeCell ref="K12:K13"/>
    <mergeCell ref="A20:B20"/>
    <mergeCell ref="C22:D22"/>
    <mergeCell ref="C23:D23"/>
    <mergeCell ref="L12:L13"/>
    <mergeCell ref="M12:M13"/>
    <mergeCell ref="H27:I27"/>
    <mergeCell ref="C28:D28"/>
    <mergeCell ref="H29:I29"/>
    <mergeCell ref="H30:I30"/>
    <mergeCell ref="B31:C31"/>
    <mergeCell ref="A140:B140"/>
    <mergeCell ref="A148:B148"/>
    <mergeCell ref="A60:B60"/>
    <mergeCell ref="C26:D26"/>
    <mergeCell ref="C27:D27"/>
    <mergeCell ref="B32:C32"/>
    <mergeCell ref="A35:B35"/>
    <mergeCell ref="A44:B44"/>
    <mergeCell ref="A52:B52"/>
    <mergeCell ref="A100:B100"/>
    <mergeCell ref="A108:B108"/>
    <mergeCell ref="A116:B116"/>
    <mergeCell ref="A124:B124"/>
    <mergeCell ref="A132:B132"/>
    <mergeCell ref="A193:B193"/>
    <mergeCell ref="C184:D184"/>
    <mergeCell ref="C185:D185"/>
    <mergeCell ref="H185:I185"/>
    <mergeCell ref="C186:D186"/>
    <mergeCell ref="H187:I187"/>
    <mergeCell ref="H188:I188"/>
    <mergeCell ref="Q12:S12"/>
    <mergeCell ref="A1:S1"/>
    <mergeCell ref="B189:C189"/>
    <mergeCell ref="B190:C190"/>
    <mergeCell ref="A164:B164"/>
    <mergeCell ref="A172:B172"/>
    <mergeCell ref="A178:K178"/>
    <mergeCell ref="C180:D180"/>
    <mergeCell ref="C181:D181"/>
    <mergeCell ref="C182:D182"/>
    <mergeCell ref="A156:B156"/>
    <mergeCell ref="A68:B68"/>
    <mergeCell ref="A76:B76"/>
    <mergeCell ref="A84:B84"/>
    <mergeCell ref="A92:B92"/>
    <mergeCell ref="H5:H6"/>
  </mergeCells>
  <conditionalFormatting sqref="B189:C189">
    <cfRule type="containsBlanks" dxfId="207" priority="13">
      <formula>LEN(TRIM(B189))=0</formula>
    </cfRule>
  </conditionalFormatting>
  <conditionalFormatting sqref="B190:C190">
    <cfRule type="containsBlanks" dxfId="206" priority="12">
      <formula>LEN(TRIM(B190))=0</formula>
    </cfRule>
  </conditionalFormatting>
  <conditionalFormatting sqref="H187:I187">
    <cfRule type="containsBlanks" dxfId="205" priority="11">
      <formula>LEN(TRIM(H187))=0</formula>
    </cfRule>
  </conditionalFormatting>
  <conditionalFormatting sqref="H188:I188">
    <cfRule type="containsBlanks" dxfId="204" priority="10">
      <formula>LEN(TRIM(H188))=0</formula>
    </cfRule>
  </conditionalFormatting>
  <conditionalFormatting sqref="C180:D182">
    <cfRule type="containsBlanks" dxfId="203" priority="9">
      <formula>LEN(TRIM(C180))=0</formula>
    </cfRule>
  </conditionalFormatting>
  <conditionalFormatting sqref="C184:D186">
    <cfRule type="containsBlanks" dxfId="202" priority="8">
      <formula>LEN(TRIM(C184))=0</formula>
    </cfRule>
  </conditionalFormatting>
  <conditionalFormatting sqref="J15:J19">
    <cfRule type="cellIs" dxfId="201" priority="7" operator="greaterThan">
      <formula>2560820</formula>
    </cfRule>
  </conditionalFormatting>
  <conditionalFormatting sqref="B31:C31">
    <cfRule type="containsBlanks" dxfId="200" priority="6">
      <formula>LEN(TRIM(B31))=0</formula>
    </cfRule>
  </conditionalFormatting>
  <conditionalFormatting sqref="B32:C32">
    <cfRule type="containsBlanks" dxfId="199" priority="5">
      <formula>LEN(TRIM(B32))=0</formula>
    </cfRule>
  </conditionalFormatting>
  <conditionalFormatting sqref="H29:I29">
    <cfRule type="containsBlanks" dxfId="198" priority="4">
      <formula>LEN(TRIM(H29))=0</formula>
    </cfRule>
  </conditionalFormatting>
  <conditionalFormatting sqref="H30:I30">
    <cfRule type="containsBlanks" dxfId="197" priority="3">
      <formula>LEN(TRIM(H30))=0</formula>
    </cfRule>
  </conditionalFormatting>
  <conditionalFormatting sqref="C22:D24">
    <cfRule type="containsBlanks" dxfId="196" priority="2">
      <formula>LEN(TRIM(C22))=0</formula>
    </cfRule>
  </conditionalFormatting>
  <conditionalFormatting sqref="C26:D28">
    <cfRule type="containsBlanks" dxfId="195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47" fitToHeight="0" orientation="landscape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4</vt:i4>
      </vt:variant>
      <vt:variant>
        <vt:lpstr>Pomenované rozsahy</vt:lpstr>
      </vt:variant>
      <vt:variant>
        <vt:i4>24</vt:i4>
      </vt:variant>
    </vt:vector>
  </HeadingPairs>
  <TitlesOfParts>
    <vt:vector size="48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Kalkulácia_časť 7</vt:lpstr>
      <vt:lpstr>Kalkulácia_časť 8</vt:lpstr>
      <vt:lpstr>Kalkulácia_časť 9</vt:lpstr>
      <vt:lpstr>Kalkulácia_časť 10</vt:lpstr>
      <vt:lpstr>Kalkulácia_časť 11</vt:lpstr>
      <vt:lpstr>Kalkulácia_časť 12</vt:lpstr>
      <vt:lpstr>Kalkulácia_časť 13</vt:lpstr>
      <vt:lpstr>Kalkulácia_časť 14</vt:lpstr>
      <vt:lpstr>Kalkulácia_časť 15</vt:lpstr>
      <vt:lpstr>Kalkulácia_časť 16</vt:lpstr>
      <vt:lpstr>Kalkulácia_časť 17</vt:lpstr>
      <vt:lpstr>Kalkulácia_časť 18</vt:lpstr>
      <vt:lpstr>Kalkulácia_časť 19</vt:lpstr>
      <vt:lpstr>Kalkulácia_časť 20</vt:lpstr>
      <vt:lpstr>Kalkulácia_časť 21</vt:lpstr>
      <vt:lpstr>Kalkulácia_časť 22</vt:lpstr>
      <vt:lpstr>Kalkulácia_časť 23</vt:lpstr>
      <vt:lpstr>Kalkulácia_časť 24</vt:lpstr>
      <vt:lpstr>'Kalkulácia_časť 1'!Oblasť_tlače</vt:lpstr>
      <vt:lpstr>'Kalkulácia_časť 10'!Oblasť_tlače</vt:lpstr>
      <vt:lpstr>'Kalkulácia_časť 11'!Oblasť_tlače</vt:lpstr>
      <vt:lpstr>'Kalkulácia_časť 12'!Oblasť_tlače</vt:lpstr>
      <vt:lpstr>'Kalkulácia_časť 13'!Oblasť_tlače</vt:lpstr>
      <vt:lpstr>'Kalkulácia_časť 14'!Oblasť_tlače</vt:lpstr>
      <vt:lpstr>'Kalkulácia_časť 15'!Oblasť_tlače</vt:lpstr>
      <vt:lpstr>'Kalkulácia_časť 16'!Oblasť_tlače</vt:lpstr>
      <vt:lpstr>'Kalkulácia_časť 17'!Oblasť_tlače</vt:lpstr>
      <vt:lpstr>'Kalkulácia_časť 18'!Oblasť_tlače</vt:lpstr>
      <vt:lpstr>'Kalkulácia_časť 19'!Oblasť_tlače</vt:lpstr>
      <vt:lpstr>'Kalkulácia_časť 2'!Oblasť_tlače</vt:lpstr>
      <vt:lpstr>'Kalkulácia_časť 20'!Oblasť_tlače</vt:lpstr>
      <vt:lpstr>'Kalkulácia_časť 21'!Oblasť_tlače</vt:lpstr>
      <vt:lpstr>'Kalkulácia_časť 22'!Oblasť_tlače</vt:lpstr>
      <vt:lpstr>'Kalkulácia_časť 23'!Oblasť_tlače</vt:lpstr>
      <vt:lpstr>'Kalkulácia_časť 24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  <vt:lpstr>'Kalkulácia_časť 7'!Oblasť_tlače</vt:lpstr>
      <vt:lpstr>'Kalkulácia_časť 8'!Oblasť_tlače</vt:lpstr>
      <vt:lpstr>'Kalkulácia_časť 9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11T09:15:34Z</cp:lastPrinted>
  <dcterms:created xsi:type="dcterms:W3CDTF">2016-07-20T08:41:08Z</dcterms:created>
  <dcterms:modified xsi:type="dcterms:W3CDTF">2025-04-14T12:34:43Z</dcterms:modified>
</cp:coreProperties>
</file>